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2"/>
  </p:sldMasterIdLst>
  <p:notesMasterIdLst>
    <p:notesMasterId r:id="rId32"/>
  </p:notesMasterIdLst>
  <p:handoutMasterIdLst>
    <p:handoutMasterId r:id="rId33"/>
  </p:handoutMasterIdLst>
  <p:sldIdLst>
    <p:sldId id="256" r:id="rId13"/>
    <p:sldId id="260" r:id="rId14"/>
    <p:sldId id="258" r:id="rId15"/>
    <p:sldId id="4382" r:id="rId16"/>
    <p:sldId id="4384" r:id="rId17"/>
    <p:sldId id="4394" r:id="rId18"/>
    <p:sldId id="4385" r:id="rId19"/>
    <p:sldId id="4386" r:id="rId20"/>
    <p:sldId id="4387" r:id="rId21"/>
    <p:sldId id="4396" r:id="rId22"/>
    <p:sldId id="4388" r:id="rId23"/>
    <p:sldId id="4397" r:id="rId24"/>
    <p:sldId id="4395" r:id="rId25"/>
    <p:sldId id="4389" r:id="rId26"/>
    <p:sldId id="4390" r:id="rId27"/>
    <p:sldId id="4391" r:id="rId28"/>
    <p:sldId id="4392" r:id="rId29"/>
    <p:sldId id="4393" r:id="rId30"/>
    <p:sldId id="4398" r:id="rId31"/>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3214" autoAdjust="0"/>
    <p:restoredTop sz="64374" autoAdjust="0"/>
  </p:normalViewPr>
  <p:slideViewPr>
    <p:cSldViewPr showGuides="1">
      <p:cViewPr varScale="1">
        <p:scale>
          <a:sx n="62" d="100"/>
          <a:sy n="62" d="100"/>
        </p:scale>
        <p:origin x="1114" y="43"/>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66" d="100"/>
        <a:sy n="66" d="100"/>
      </p:scale>
      <p:origin x="0" y="-594"/>
    </p:cViewPr>
  </p:sorterViewPr>
  <p:notesViewPr>
    <p:cSldViewPr showGuides="1">
      <p:cViewPr varScale="1">
        <p:scale>
          <a:sx n="61" d="100"/>
          <a:sy n="61" d="100"/>
        </p:scale>
        <p:origin x="3168" y="67"/>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 Type="http://schemas.openxmlformats.org/officeDocument/2006/relationships/customXml" Target="../customXml/item3.xml"/><Relationship Id="rId21" Type="http://schemas.openxmlformats.org/officeDocument/2006/relationships/slide" Target="slides/slide9.xml"/><Relationship Id="rId34"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slide" Target="slides/slide1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notesMaster" Target="notesMasters/notesMaster1.xml"/><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slide" Target="slides/slide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dirty="0">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20.10.2022</a:t>
            </a:fld>
            <a:endParaRPr lang="de-DE" sz="800" dirty="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dirty="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a:t>
            </a:fld>
            <a:endParaRPr lang="de-DE" sz="800" dirty="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dirty="0"/>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dirty="0"/>
              <a:t>Formatvorlagen des Textmasters bearbeiten</a:t>
            </a:r>
          </a:p>
          <a:p>
            <a:pPr lvl="1"/>
            <a:r>
              <a:rPr lang="de-DE" dirty="0"/>
              <a:t>Zweite Ebene</a:t>
            </a:r>
          </a:p>
          <a:p>
            <a:pPr lvl="2"/>
            <a:r>
              <a:rPr lang="de-DE" dirty="0"/>
              <a:t>Dritte Ebene</a:t>
            </a:r>
          </a:p>
          <a:p>
            <a:pPr lvl="3"/>
            <a:r>
              <a:rPr lang="de-DE" dirty="0"/>
              <a:t>Vierte Ebene</a:t>
            </a:r>
          </a:p>
          <a:p>
            <a:pPr lvl="4"/>
            <a:r>
              <a:rPr lang="de-DE" dirty="0"/>
              <a:t>Fünfte Ebene</a:t>
            </a:r>
          </a:p>
          <a:p>
            <a:pPr lvl="5"/>
            <a:r>
              <a:rPr lang="de-DE" dirty="0"/>
              <a:t>Sechste Ebene</a:t>
            </a:r>
          </a:p>
          <a:p>
            <a:pPr lvl="6"/>
            <a:r>
              <a:rPr lang="de-DE" dirty="0"/>
              <a:t>Siebte Ebene</a:t>
            </a:r>
          </a:p>
          <a:p>
            <a:pPr lvl="7"/>
            <a:r>
              <a:rPr lang="de-DE" dirty="0"/>
              <a:t>Achte Ebene</a:t>
            </a:r>
          </a:p>
          <a:p>
            <a:pPr lvl="8"/>
            <a:r>
              <a:rPr lang="de-DE" dirty="0"/>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dirty="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20.10.2022</a:t>
            </a:fld>
            <a:endParaRPr lang="de-DE" dirty="0"/>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dirty="0"/>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a:t>
            </a:fld>
            <a:endParaRPr lang="de-DE" dirty="0"/>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err="1"/>
              <a:t>Nach</a:t>
            </a:r>
            <a:r>
              <a:rPr lang="en-US" dirty="0"/>
              <a:t> </a:t>
            </a:r>
            <a:r>
              <a:rPr lang="en-US" dirty="0" err="1"/>
              <a:t>eigenen</a:t>
            </a:r>
            <a:r>
              <a:rPr lang="en-US" dirty="0"/>
              <a:t> </a:t>
            </a:r>
            <a:r>
              <a:rPr lang="en-US" dirty="0" err="1"/>
              <a:t>Zielen</a:t>
            </a:r>
            <a:r>
              <a:rPr lang="en-US" dirty="0"/>
              <a:t> </a:t>
            </a:r>
            <a:r>
              <a:rPr lang="en-US" dirty="0" err="1"/>
              <a:t>Fragen</a:t>
            </a:r>
            <a:endParaRPr lang="en-US" dirty="0"/>
          </a:p>
          <a:p>
            <a:pPr marL="171450" indent="-171450">
              <a:buFont typeface="Arial" panose="020B0604020202020204" pitchFamily="34" charset="0"/>
              <a:buChar char="•"/>
            </a:pPr>
            <a:r>
              <a:rPr lang="en-US" dirty="0" err="1"/>
              <a:t>Werden</a:t>
            </a:r>
            <a:r>
              <a:rPr lang="en-US" dirty="0"/>
              <a:t> </a:t>
            </a:r>
            <a:r>
              <a:rPr lang="en-US" dirty="0" err="1"/>
              <a:t>wohl</a:t>
            </a:r>
            <a:r>
              <a:rPr lang="en-US" dirty="0"/>
              <a:t> </a:t>
            </a:r>
            <a:r>
              <a:rPr lang="en-US" dirty="0" err="1"/>
              <a:t>nicht</a:t>
            </a:r>
            <a:r>
              <a:rPr lang="en-US" dirty="0"/>
              <a:t> </a:t>
            </a:r>
            <a:r>
              <a:rPr lang="en-US" dirty="0" err="1"/>
              <a:t>alles</a:t>
            </a:r>
            <a:r>
              <a:rPr lang="en-US" dirty="0"/>
              <a:t> </a:t>
            </a:r>
            <a:r>
              <a:rPr lang="en-US" dirty="0" err="1"/>
              <a:t>machen</a:t>
            </a:r>
            <a:r>
              <a:rPr lang="en-US" dirty="0"/>
              <a:t> </a:t>
            </a:r>
            <a:r>
              <a:rPr lang="en-US" dirty="0" err="1"/>
              <a:t>können</a:t>
            </a:r>
            <a:r>
              <a:rPr lang="en-US" dirty="0"/>
              <a:t> =&gt; </a:t>
            </a:r>
            <a:r>
              <a:rPr lang="en-US" dirty="0" err="1"/>
              <a:t>Priorisieren</a:t>
            </a:r>
            <a:endParaRPr lang="en-US" dirty="0"/>
          </a:p>
          <a:p>
            <a:pPr marL="171450" indent="-171450">
              <a:buFont typeface="Arial" panose="020B0604020202020204" pitchFamily="34" charset="0"/>
              <a:buChar char="•"/>
            </a:pPr>
            <a:r>
              <a:rPr lang="en-US" dirty="0" err="1"/>
              <a:t>Vorwissen</a:t>
            </a:r>
            <a:r>
              <a:rPr lang="en-US" dirty="0"/>
              <a:t>? Spring Security? </a:t>
            </a:r>
            <a:r>
              <a:rPr lang="en-US" dirty="0" err="1"/>
              <a:t>WebMVC</a:t>
            </a:r>
            <a:r>
              <a:rPr lang="en-US" dirty="0"/>
              <a:t>?</a:t>
            </a: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5</a:t>
            </a:fld>
            <a:endParaRPr lang="de-DE" dirty="0"/>
          </a:p>
        </p:txBody>
      </p:sp>
    </p:spTree>
    <p:extLst>
      <p:ext uri="{BB962C8B-B14F-4D97-AF65-F5344CB8AC3E}">
        <p14:creationId xmlns:p14="http://schemas.microsoft.com/office/powerpoint/2010/main" val="270250275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US" dirty="0"/>
              <a:t>* CSRF </a:t>
            </a:r>
            <a:r>
              <a:rPr lang="en-US" dirty="0" err="1"/>
              <a:t>zeigen</a:t>
            </a:r>
            <a:r>
              <a:rPr lang="en-US" dirty="0"/>
              <a:t> </a:t>
            </a:r>
            <a:r>
              <a:rPr lang="en-US" dirty="0" err="1"/>
              <a:t>im</a:t>
            </a:r>
            <a:r>
              <a:rPr lang="en-US" dirty="0"/>
              <a:t> Code</a:t>
            </a:r>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6</a:t>
            </a:fld>
            <a:endParaRPr lang="de-DE" dirty="0"/>
          </a:p>
        </p:txBody>
      </p:sp>
    </p:spTree>
    <p:extLst>
      <p:ext uri="{BB962C8B-B14F-4D97-AF65-F5344CB8AC3E}">
        <p14:creationId xmlns:p14="http://schemas.microsoft.com/office/powerpoint/2010/main" val="121444021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20000"/>
              </a:lnSpc>
              <a:spcBef>
                <a:spcPts val="1200"/>
              </a:spcBef>
              <a:spcAft>
                <a:spcPts val="200"/>
              </a:spcAft>
              <a:buClrTx/>
              <a:buSzTx/>
              <a:buFontTx/>
              <a:buNone/>
              <a:tabLst/>
              <a:defRPr/>
            </a:pPr>
            <a:r>
              <a:rPr lang="de-CH" dirty="0"/>
              <a:t>Verschiedene </a:t>
            </a:r>
            <a:r>
              <a:rPr lang="de-CH" dirty="0" err="1"/>
              <a:t>Authentisierungsflow</a:t>
            </a:r>
            <a:r>
              <a:rPr lang="de-CH" dirty="0"/>
              <a:t>, meist wird </a:t>
            </a:r>
            <a:r>
              <a:rPr lang="de-CH" dirty="0" err="1"/>
              <a:t>CodeFlow</a:t>
            </a:r>
            <a:r>
              <a:rPr lang="de-CH" dirty="0"/>
              <a:t> verwendet</a:t>
            </a: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8</a:t>
            </a:fld>
            <a:endParaRPr lang="de-DE" dirty="0"/>
          </a:p>
        </p:txBody>
      </p:sp>
    </p:spTree>
    <p:extLst>
      <p:ext uri="{BB962C8B-B14F-4D97-AF65-F5344CB8AC3E}">
        <p14:creationId xmlns:p14="http://schemas.microsoft.com/office/powerpoint/2010/main" val="216580404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0" indent="0">
              <a:buNone/>
            </a:pPr>
            <a:r>
              <a:rPr lang="en-US" dirty="0"/>
              <a:t>* </a:t>
            </a:r>
            <a:r>
              <a:rPr lang="en-US" dirty="0" err="1"/>
              <a:t>Andere</a:t>
            </a:r>
            <a:r>
              <a:rPr lang="en-US" dirty="0"/>
              <a:t> Flows </a:t>
            </a:r>
            <a:r>
              <a:rPr lang="en-US" dirty="0" err="1"/>
              <a:t>unsicher</a:t>
            </a:r>
            <a:r>
              <a:rPr lang="en-US" dirty="0"/>
              <a:t> (implicit) </a:t>
            </a:r>
            <a:r>
              <a:rPr lang="en-US" dirty="0" err="1"/>
              <a:t>oder</a:t>
            </a:r>
            <a:r>
              <a:rPr lang="en-US" dirty="0"/>
              <a:t> </a:t>
            </a:r>
            <a:r>
              <a:rPr lang="en-US" dirty="0" err="1"/>
              <a:t>selten</a:t>
            </a:r>
            <a:r>
              <a:rPr lang="en-US" dirty="0"/>
              <a:t> </a:t>
            </a:r>
            <a:r>
              <a:rPr lang="en-US" dirty="0" err="1"/>
              <a:t>gebraucht</a:t>
            </a:r>
            <a:r>
              <a:rPr lang="en-US" dirty="0"/>
              <a:t> (Credentials)</a:t>
            </a:r>
          </a:p>
          <a:p>
            <a:pPr marL="0" indent="0">
              <a:buNone/>
            </a:pPr>
            <a:r>
              <a:rPr lang="en-US" dirty="0"/>
              <a:t>* Examples </a:t>
            </a:r>
            <a:r>
              <a:rPr lang="en-US"/>
              <a:t>zeigen</a:t>
            </a: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9</a:t>
            </a:fld>
            <a:endParaRPr lang="de-DE" dirty="0"/>
          </a:p>
        </p:txBody>
      </p:sp>
    </p:spTree>
    <p:extLst>
      <p:ext uri="{BB962C8B-B14F-4D97-AF65-F5344CB8AC3E}">
        <p14:creationId xmlns:p14="http://schemas.microsoft.com/office/powerpoint/2010/main" val="415171757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US" dirty="0"/>
              <a:t>Spring </a:t>
            </a:r>
            <a:r>
              <a:rPr lang="en-US" dirty="0" err="1"/>
              <a:t>Framwork</a:t>
            </a:r>
            <a:r>
              <a:rPr lang="en-US" dirty="0"/>
              <a:t>: 2003 </a:t>
            </a:r>
            <a:r>
              <a:rPr lang="en-US" dirty="0" err="1"/>
              <a:t>als</a:t>
            </a:r>
            <a:r>
              <a:rPr lang="en-US" dirty="0"/>
              <a:t> Dependency-Injection-Framework von Rod Johnson </a:t>
            </a:r>
            <a:r>
              <a:rPr lang="en-US" dirty="0" err="1"/>
              <a:t>enwickelt</a:t>
            </a:r>
            <a:endParaRPr lang="en-US" dirty="0"/>
          </a:p>
          <a:p>
            <a:r>
              <a:rPr lang="en-US" dirty="0"/>
              <a:t>5.0 </a:t>
            </a:r>
            <a:r>
              <a:rPr lang="en-US" dirty="0" err="1"/>
              <a:t>erschien</a:t>
            </a:r>
            <a:r>
              <a:rPr lang="en-US" dirty="0"/>
              <a:t> 2019 </a:t>
            </a:r>
            <a:r>
              <a:rPr lang="en-US" dirty="0" err="1"/>
              <a:t>inkl</a:t>
            </a:r>
            <a:r>
              <a:rPr lang="en-US" dirty="0"/>
              <a:t>. </a:t>
            </a:r>
            <a:r>
              <a:rPr lang="en-US" dirty="0" err="1"/>
              <a:t>ReactiveProgramming</a:t>
            </a:r>
            <a:r>
              <a:rPr lang="en-US" dirty="0"/>
              <a:t> (</a:t>
            </a:r>
            <a:r>
              <a:rPr lang="en-US" dirty="0" err="1"/>
              <a:t>WebFlux</a:t>
            </a:r>
            <a:r>
              <a:rPr lang="en-US" dirty="0"/>
              <a:t>), 5.3 2020. 6.0 </a:t>
            </a:r>
            <a:r>
              <a:rPr lang="en-US" dirty="0" err="1"/>
              <a:t>wird</a:t>
            </a:r>
            <a:r>
              <a:rPr lang="en-US" dirty="0"/>
              <a:t> </a:t>
            </a:r>
            <a:r>
              <a:rPr lang="en-US" dirty="0" err="1"/>
              <a:t>wohl</a:t>
            </a:r>
            <a:r>
              <a:rPr lang="en-US" dirty="0"/>
              <a:t> 2023 </a:t>
            </a:r>
            <a:r>
              <a:rPr lang="en-US" dirty="0" err="1"/>
              <a:t>erscheinen</a:t>
            </a:r>
            <a:endParaRPr lang="en-US" dirty="0"/>
          </a:p>
          <a:p>
            <a:r>
              <a:rPr lang="en-US" dirty="0" err="1"/>
              <a:t>Gehört</a:t>
            </a:r>
            <a:r>
              <a:rPr lang="en-US" dirty="0"/>
              <a:t> </a:t>
            </a:r>
            <a:r>
              <a:rPr lang="en-US" dirty="0" err="1"/>
              <a:t>mitleiweile</a:t>
            </a:r>
            <a:r>
              <a:rPr lang="en-US" dirty="0"/>
              <a:t> </a:t>
            </a:r>
            <a:r>
              <a:rPr lang="en-US" dirty="0" err="1"/>
              <a:t>zu</a:t>
            </a:r>
            <a:r>
              <a:rPr lang="en-US" dirty="0"/>
              <a:t> VMWare</a:t>
            </a:r>
          </a:p>
          <a:p>
            <a:endParaRPr lang="en-US" dirty="0"/>
          </a:p>
          <a:p>
            <a:r>
              <a:rPr lang="en-US" dirty="0"/>
              <a:t>Spring Boot: </a:t>
            </a:r>
            <a:r>
              <a:rPr lang="en-US" dirty="0" err="1"/>
              <a:t>Durch</a:t>
            </a:r>
            <a:r>
              <a:rPr lang="en-US" dirty="0"/>
              <a:t> starter Opinionated Auto-Configuration </a:t>
            </a:r>
            <a:r>
              <a:rPr lang="en-US" dirty="0" err="1"/>
              <a:t>vieler</a:t>
            </a:r>
            <a:r>
              <a:rPr lang="en-US" dirty="0"/>
              <a:t> Spring-</a:t>
            </a:r>
            <a:r>
              <a:rPr lang="en-US" dirty="0" err="1"/>
              <a:t>Projekte</a:t>
            </a:r>
            <a:r>
              <a:rPr lang="en-US" dirty="0"/>
              <a:t> und Fat-Jars</a:t>
            </a:r>
          </a:p>
          <a:p>
            <a:r>
              <a:rPr lang="en-US" dirty="0"/>
              <a:t>V1.0 2014 für Spring4 </a:t>
            </a:r>
            <a:r>
              <a:rPr lang="en-US" dirty="0" err="1"/>
              <a:t>erschienen</a:t>
            </a:r>
            <a:r>
              <a:rPr lang="en-US" dirty="0"/>
              <a:t>, </a:t>
            </a:r>
            <a:r>
              <a:rPr lang="en-US" dirty="0" err="1"/>
              <a:t>Aktuelle</a:t>
            </a:r>
            <a:r>
              <a:rPr lang="en-US" dirty="0"/>
              <a:t> Version 2.7.4 für Spring 5.3</a:t>
            </a:r>
          </a:p>
          <a:p>
            <a:endParaRPr lang="en-US" dirty="0"/>
          </a:p>
          <a:p>
            <a:pPr algn="l"/>
            <a:r>
              <a:rPr lang="en-US" dirty="0"/>
              <a:t>Spring Security </a:t>
            </a:r>
            <a:r>
              <a:rPr lang="en-US" b="1" i="0" dirty="0">
                <a:solidFill>
                  <a:srgbClr val="202122"/>
                </a:solidFill>
                <a:effectLst/>
                <a:latin typeface="Arial" panose="020B0604020202020204" pitchFamily="34" charset="0"/>
              </a:rPr>
              <a:t>Spring Security </a:t>
            </a:r>
            <a:r>
              <a:rPr lang="en-US" b="1" i="0" dirty="0" err="1">
                <a:solidFill>
                  <a:srgbClr val="202122"/>
                </a:solidFill>
                <a:effectLst/>
                <a:latin typeface="Arial" panose="020B0604020202020204" pitchFamily="34" charset="0"/>
              </a:rPr>
              <a:t>erschien</a:t>
            </a:r>
            <a:r>
              <a:rPr lang="en-US" b="1" i="0" dirty="0">
                <a:solidFill>
                  <a:srgbClr val="202122"/>
                </a:solidFill>
                <a:effectLst/>
                <a:latin typeface="Arial" panose="020B0604020202020204" pitchFamily="34" charset="0"/>
              </a:rPr>
              <a:t> 2003 </a:t>
            </a:r>
            <a:r>
              <a:rPr lang="en-US" b="1" i="0" dirty="0" err="1">
                <a:solidFill>
                  <a:srgbClr val="202122"/>
                </a:solidFill>
                <a:effectLst/>
                <a:latin typeface="Arial" panose="020B0604020202020204" pitchFamily="34" charset="0"/>
              </a:rPr>
              <a:t>als</a:t>
            </a:r>
            <a:r>
              <a:rPr lang="en-US" b="1" i="0" dirty="0">
                <a:solidFill>
                  <a:srgbClr val="202122"/>
                </a:solidFill>
                <a:effectLst/>
                <a:latin typeface="Arial" panose="020B0604020202020204" pitchFamily="34" charset="0"/>
              </a:rPr>
              <a:t> ‘</a:t>
            </a:r>
            <a:r>
              <a:rPr lang="en-US" b="1" i="0" dirty="0" err="1">
                <a:solidFill>
                  <a:srgbClr val="202122"/>
                </a:solidFill>
                <a:effectLst/>
                <a:latin typeface="Arial" panose="020B0604020202020204" pitchFamily="34" charset="0"/>
              </a:rPr>
              <a:t>Acegi</a:t>
            </a:r>
            <a:r>
              <a:rPr lang="en-US" b="1" i="0" dirty="0">
                <a:solidFill>
                  <a:srgbClr val="202122"/>
                </a:solidFill>
                <a:effectLst/>
                <a:latin typeface="Arial" panose="020B0604020202020204" pitchFamily="34" charset="0"/>
              </a:rPr>
              <a:t> , </a:t>
            </a:r>
            <a:r>
              <a:rPr lang="en-US" b="1" i="0" dirty="0" err="1">
                <a:solidFill>
                  <a:srgbClr val="202122"/>
                </a:solidFill>
                <a:effectLst/>
                <a:latin typeface="Arial" panose="020B0604020202020204" pitchFamily="34" charset="0"/>
              </a:rPr>
              <a:t>seit</a:t>
            </a:r>
            <a:r>
              <a:rPr lang="en-US" b="1" i="0" dirty="0">
                <a:solidFill>
                  <a:srgbClr val="202122"/>
                </a:solidFill>
                <a:effectLst/>
                <a:latin typeface="Arial" panose="020B0604020202020204" pitchFamily="34" charset="0"/>
              </a:rPr>
              <a:t> 2008 teil </a:t>
            </a:r>
            <a:r>
              <a:rPr lang="en-US" b="1" i="0" dirty="0" err="1">
                <a:solidFill>
                  <a:srgbClr val="202122"/>
                </a:solidFill>
                <a:effectLst/>
                <a:latin typeface="Arial" panose="020B0604020202020204" pitchFamily="34" charset="0"/>
              </a:rPr>
              <a:t>als</a:t>
            </a:r>
            <a:r>
              <a:rPr lang="en-US" b="1" i="0" dirty="0">
                <a:solidFill>
                  <a:srgbClr val="202122"/>
                </a:solidFill>
                <a:effectLst/>
                <a:latin typeface="Arial" panose="020B0604020202020204" pitchFamily="34" charset="0"/>
              </a:rPr>
              <a:t> Spring Security 2.0 teil von Spring. MVC und </a:t>
            </a:r>
            <a:r>
              <a:rPr lang="en-US" b="1" i="0" dirty="0" err="1">
                <a:solidFill>
                  <a:srgbClr val="202122"/>
                </a:solidFill>
                <a:effectLst/>
                <a:latin typeface="Arial" panose="020B0604020202020204" pitchFamily="34" charset="0"/>
              </a:rPr>
              <a:t>WebFlux</a:t>
            </a:r>
            <a:endParaRPr lang="en-US" b="0" i="0" dirty="0">
              <a:solidFill>
                <a:srgbClr val="202122"/>
              </a:solidFill>
              <a:effectLst/>
              <a:latin typeface="Arial" panose="020B0604020202020204" pitchFamily="34" charset="0"/>
            </a:endParaRPr>
          </a:p>
          <a:p>
            <a:br>
              <a:rPr lang="en-US" dirty="0"/>
            </a:br>
            <a:endParaRPr lang="en-US" dirty="0"/>
          </a:p>
          <a:p>
            <a:endParaRPr lang="en-US" dirty="0"/>
          </a:p>
          <a:p>
            <a:endParaRPr lang="en-US" dirty="0"/>
          </a:p>
          <a:p>
            <a:endParaRPr lang="en-US" dirty="0"/>
          </a:p>
          <a:p>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7</a:t>
            </a:fld>
            <a:endParaRPr lang="de-DE" dirty="0"/>
          </a:p>
        </p:txBody>
      </p:sp>
    </p:spTree>
    <p:extLst>
      <p:ext uri="{BB962C8B-B14F-4D97-AF65-F5344CB8AC3E}">
        <p14:creationId xmlns:p14="http://schemas.microsoft.com/office/powerpoint/2010/main" val="118364177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Alte </a:t>
            </a:r>
            <a:r>
              <a:rPr lang="en-US" dirty="0" err="1"/>
              <a:t>Technologie</a:t>
            </a:r>
            <a:r>
              <a:rPr lang="en-US" dirty="0"/>
              <a:t> (1996), </a:t>
            </a:r>
            <a:r>
              <a:rPr lang="en-US" dirty="0" err="1"/>
              <a:t>noch</a:t>
            </a:r>
            <a:r>
              <a:rPr lang="en-US" dirty="0"/>
              <a:t> </a:t>
            </a:r>
            <a:r>
              <a:rPr lang="en-US" dirty="0" err="1"/>
              <a:t>vor</a:t>
            </a:r>
            <a:r>
              <a:rPr lang="en-US" dirty="0"/>
              <a:t> </a:t>
            </a:r>
            <a:r>
              <a:rPr lang="en-US" dirty="0" err="1"/>
              <a:t>JavaEE</a:t>
            </a:r>
            <a:endParaRPr lang="en-US" dirty="0"/>
          </a:p>
          <a:p>
            <a:pPr marL="171450" indent="-171450">
              <a:buFont typeface="Arial" panose="020B0604020202020204" pitchFamily="34" charset="0"/>
              <a:buChar char="•"/>
            </a:pPr>
            <a:r>
              <a:rPr lang="en-US" dirty="0" err="1"/>
              <a:t>Integraler</a:t>
            </a:r>
            <a:r>
              <a:rPr lang="en-US" dirty="0"/>
              <a:t> </a:t>
            </a:r>
            <a:r>
              <a:rPr lang="en-US" dirty="0" err="1"/>
              <a:t>Bestandteil</a:t>
            </a:r>
            <a:r>
              <a:rPr lang="en-US" dirty="0"/>
              <a:t> von </a:t>
            </a:r>
            <a:r>
              <a:rPr lang="en-US" dirty="0" err="1"/>
              <a:t>JavaEE</a:t>
            </a:r>
            <a:r>
              <a:rPr lang="en-US" dirty="0"/>
              <a:t> und </a:t>
            </a:r>
            <a:r>
              <a:rPr lang="en-US" dirty="0" err="1"/>
              <a:t>dann</a:t>
            </a:r>
            <a:r>
              <a:rPr lang="en-US" dirty="0"/>
              <a:t> Spring</a:t>
            </a:r>
          </a:p>
          <a:p>
            <a:pPr marL="171450" indent="-171450">
              <a:buFont typeface="Arial" panose="020B0604020202020204" pitchFamily="34" charset="0"/>
              <a:buChar char="•"/>
            </a:pPr>
            <a:r>
              <a:rPr lang="en-US" dirty="0" err="1"/>
              <a:t>Zurzeit</a:t>
            </a:r>
            <a:r>
              <a:rPr lang="en-US" dirty="0"/>
              <a:t> </a:t>
            </a:r>
            <a:r>
              <a:rPr lang="en-US" dirty="0" err="1"/>
              <a:t>aber</a:t>
            </a:r>
            <a:r>
              <a:rPr lang="en-US" dirty="0"/>
              <a:t> relative </a:t>
            </a:r>
            <a:r>
              <a:rPr lang="en-US" dirty="0" err="1"/>
              <a:t>versteckt</a:t>
            </a:r>
            <a:r>
              <a:rPr lang="en-US" dirty="0"/>
              <a:t>…</a:t>
            </a:r>
          </a:p>
          <a:p>
            <a:pPr marL="171450" indent="-171450">
              <a:buFont typeface="Arial" panose="020B0604020202020204" pitchFamily="34" charset="0"/>
              <a:buChar char="•"/>
            </a:pPr>
            <a:r>
              <a:rPr lang="en-US" dirty="0" err="1"/>
              <a:t>Im</a:t>
            </a:r>
            <a:r>
              <a:rPr lang="en-US" dirty="0"/>
              <a:t> </a:t>
            </a:r>
            <a:r>
              <a:rPr lang="en-US" dirty="0" err="1"/>
              <a:t>WebFlux</a:t>
            </a:r>
            <a:r>
              <a:rPr lang="en-US" dirty="0"/>
              <a:t>: </a:t>
            </a:r>
            <a:r>
              <a:rPr lang="en-US" dirty="0" err="1"/>
              <a:t>Nicht</a:t>
            </a:r>
            <a:r>
              <a:rPr lang="en-US" dirty="0"/>
              <a:t> </a:t>
            </a:r>
            <a:r>
              <a:rPr lang="en-US" dirty="0" err="1"/>
              <a:t>ServletAPI</a:t>
            </a:r>
            <a:r>
              <a:rPr lang="en-US" dirty="0"/>
              <a:t> </a:t>
            </a:r>
            <a:r>
              <a:rPr lang="en-US" dirty="0" err="1"/>
              <a:t>aber</a:t>
            </a:r>
            <a:r>
              <a:rPr lang="en-US" dirty="0"/>
              <a:t> </a:t>
            </a:r>
            <a:r>
              <a:rPr lang="en-US" dirty="0" err="1"/>
              <a:t>ähnlich</a:t>
            </a:r>
            <a:r>
              <a:rPr lang="en-US" dirty="0"/>
              <a:t> (</a:t>
            </a:r>
            <a:r>
              <a:rPr lang="en-US" dirty="0" err="1"/>
              <a:t>Reactiv</a:t>
            </a:r>
            <a:r>
              <a:rPr lang="en-US" dirty="0"/>
              <a:t>)</a:t>
            </a:r>
          </a:p>
        </p:txBody>
      </p:sp>
      <p:sp>
        <p:nvSpPr>
          <p:cNvPr id="4" name="Slide Number Placeholder 3"/>
          <p:cNvSpPr>
            <a:spLocks noGrp="1"/>
          </p:cNvSpPr>
          <p:nvPr>
            <p:ph type="sldNum" sz="quarter" idx="5"/>
          </p:nvPr>
        </p:nvSpPr>
        <p:spPr/>
        <p:txBody>
          <a:bodyPr/>
          <a:lstStyle/>
          <a:p>
            <a:fld id="{E5BBCCF6-F8A8-4C49-BF3D-CA1AA74CA975}" type="slidenum">
              <a:rPr lang="de-DE" smtClean="0"/>
              <a:pPr/>
              <a:t>9</a:t>
            </a:fld>
            <a:endParaRPr lang="de-DE" dirty="0"/>
          </a:p>
        </p:txBody>
      </p:sp>
    </p:spTree>
    <p:extLst>
      <p:ext uri="{BB962C8B-B14F-4D97-AF65-F5344CB8AC3E}">
        <p14:creationId xmlns:p14="http://schemas.microsoft.com/office/powerpoint/2010/main" val="419653565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err="1"/>
              <a:t>ServletRequest</a:t>
            </a:r>
            <a:r>
              <a:rPr lang="en-US" dirty="0"/>
              <a:t>, </a:t>
            </a:r>
            <a:r>
              <a:rPr lang="en-US" dirty="0" err="1"/>
              <a:t>ServletResponse</a:t>
            </a:r>
            <a:r>
              <a:rPr lang="en-US" dirty="0"/>
              <a:t>, </a:t>
            </a:r>
            <a:r>
              <a:rPr lang="en-US" dirty="0" err="1"/>
              <a:t>doFilter</a:t>
            </a:r>
            <a:r>
              <a:rPr lang="en-US" dirty="0"/>
              <a:t>()</a:t>
            </a:r>
          </a:p>
        </p:txBody>
      </p:sp>
      <p:sp>
        <p:nvSpPr>
          <p:cNvPr id="4" name="Slide Number Placeholder 3"/>
          <p:cNvSpPr>
            <a:spLocks noGrp="1"/>
          </p:cNvSpPr>
          <p:nvPr>
            <p:ph type="sldNum" sz="quarter" idx="5"/>
          </p:nvPr>
        </p:nvSpPr>
        <p:spPr/>
        <p:txBody>
          <a:bodyPr/>
          <a:lstStyle/>
          <a:p>
            <a:fld id="{E5BBCCF6-F8A8-4C49-BF3D-CA1AA74CA975}" type="slidenum">
              <a:rPr lang="de-DE" smtClean="0"/>
              <a:pPr/>
              <a:t>10</a:t>
            </a:fld>
            <a:endParaRPr lang="de-DE" dirty="0"/>
          </a:p>
        </p:txBody>
      </p:sp>
    </p:spTree>
    <p:extLst>
      <p:ext uri="{BB962C8B-B14F-4D97-AF65-F5344CB8AC3E}">
        <p14:creationId xmlns:p14="http://schemas.microsoft.com/office/powerpoint/2010/main" val="26834050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de-CH" noProof="0" dirty="0"/>
              <a:t>Ein spezieller Filter für Spring-Security</a:t>
            </a:r>
          </a:p>
          <a:p>
            <a:pPr marL="171450" indent="-171450">
              <a:buFont typeface="Arial" panose="020B0604020202020204" pitchFamily="34" charset="0"/>
              <a:buChar char="•"/>
            </a:pPr>
            <a:r>
              <a:rPr lang="de-CH" noProof="0" dirty="0"/>
              <a:t>Kann mehrere SeurityFilterChains laden, diese werden als SpringBeans definiert. </a:t>
            </a:r>
          </a:p>
          <a:p>
            <a:pPr marL="171450" indent="-171450">
              <a:buFont typeface="Arial" panose="020B0604020202020204" pitchFamily="34" charset="0"/>
              <a:buChar char="•"/>
            </a:pPr>
            <a:r>
              <a:rPr lang="de-CH" noProof="0" dirty="0"/>
              <a:t>Jede SecurityFilterChain besitzt</a:t>
            </a:r>
          </a:p>
          <a:p>
            <a:pPr marL="315450" lvl="2" indent="-171450">
              <a:buFont typeface="Arial" panose="020B0604020202020204" pitchFamily="34" charset="0"/>
              <a:buChar char="•"/>
            </a:pPr>
            <a:r>
              <a:rPr lang="de-CH" noProof="0" dirty="0"/>
              <a:t>Eine Order (Reihenfolge)</a:t>
            </a:r>
          </a:p>
          <a:p>
            <a:pPr marL="315450" lvl="2" indent="-171450">
              <a:buFont typeface="Arial" panose="020B0604020202020204" pitchFamily="34" charset="0"/>
              <a:buChar char="•"/>
            </a:pPr>
            <a:r>
              <a:rPr lang="de-CH" noProof="0" dirty="0"/>
              <a:t>Einen Matcher (für welche Requests zuständig)</a:t>
            </a:r>
          </a:p>
          <a:p>
            <a:pPr marL="315450" lvl="2" indent="-171450">
              <a:buFont typeface="Arial" panose="020B0604020202020204" pitchFamily="34" charset="0"/>
              <a:buChar char="•"/>
            </a:pPr>
            <a:r>
              <a:rPr lang="de-CH" noProof="0" dirty="0"/>
              <a:t>Eine Liste mit Filter (ServletAPI)</a:t>
            </a:r>
          </a:p>
          <a:p>
            <a:pPr marL="171450" marR="0" lvl="0" indent="-171450" algn="l" defTabSz="914400" rtl="0" eaLnBrk="1" fontAlgn="auto" latinLnBrk="0" hangingPunct="1">
              <a:lnSpc>
                <a:spcPct val="120000"/>
              </a:lnSpc>
              <a:spcBef>
                <a:spcPts val="1200"/>
              </a:spcBef>
              <a:spcAft>
                <a:spcPts val="200"/>
              </a:spcAft>
              <a:buClrTx/>
              <a:buSzTx/>
              <a:buFont typeface="Arial" panose="020B0604020202020204" pitchFamily="34" charset="0"/>
              <a:buChar char="•"/>
              <a:tabLst/>
              <a:defRPr/>
            </a:pPr>
            <a:r>
              <a:rPr lang="de-CH" noProof="0" dirty="0"/>
              <a:t>Order ist wichtig!!!!</a:t>
            </a:r>
          </a:p>
          <a:p>
            <a:pPr marL="171450" marR="0" lvl="0" indent="-171450" algn="l" defTabSz="914400" rtl="0" eaLnBrk="1" fontAlgn="auto" latinLnBrk="0" hangingPunct="1">
              <a:lnSpc>
                <a:spcPct val="120000"/>
              </a:lnSpc>
              <a:spcBef>
                <a:spcPts val="1200"/>
              </a:spcBef>
              <a:spcAft>
                <a:spcPts val="200"/>
              </a:spcAft>
              <a:buClrTx/>
              <a:buSzTx/>
              <a:buFont typeface="Arial" panose="020B0604020202020204" pitchFamily="34" charset="0"/>
              <a:buChar char="•"/>
              <a:tabLst/>
              <a:defRPr/>
            </a:pPr>
            <a:r>
              <a:rPr lang="de-CH" noProof="0" dirty="0"/>
              <a:t>Beispiel einführen</a:t>
            </a:r>
          </a:p>
          <a:p>
            <a:pPr marL="171450" marR="0" lvl="0" indent="-171450" algn="l" defTabSz="914400" rtl="0" eaLnBrk="1" fontAlgn="auto" latinLnBrk="0" hangingPunct="1">
              <a:lnSpc>
                <a:spcPct val="120000"/>
              </a:lnSpc>
              <a:spcBef>
                <a:spcPts val="1200"/>
              </a:spcBef>
              <a:spcAft>
                <a:spcPts val="200"/>
              </a:spcAft>
              <a:buClrTx/>
              <a:buSzTx/>
              <a:buFont typeface="Arial" panose="020B0604020202020204" pitchFamily="34" charset="0"/>
              <a:buChar char="•"/>
              <a:tabLst/>
              <a:defRPr/>
            </a:pPr>
            <a:r>
              <a:rPr lang="de-CH" noProof="0" dirty="0"/>
              <a:t>Beipiel erweitern mit SpringSecurity; SecurityFilterChain erstell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1</a:t>
            </a:fld>
            <a:endParaRPr lang="de-DE" dirty="0"/>
          </a:p>
        </p:txBody>
      </p:sp>
    </p:spTree>
    <p:extLst>
      <p:ext uri="{BB962C8B-B14F-4D97-AF65-F5344CB8AC3E}">
        <p14:creationId xmlns:p14="http://schemas.microsoft.com/office/powerpoint/2010/main" val="3497440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de-CH" noProof="0" dirty="0"/>
              <a:t>Jede SecurityFilterChain besitzt</a:t>
            </a:r>
          </a:p>
          <a:p>
            <a:pPr marL="315450" lvl="2" indent="-171450">
              <a:buFont typeface="Arial" panose="020B0604020202020204" pitchFamily="34" charset="0"/>
              <a:buChar char="•"/>
            </a:pPr>
            <a:r>
              <a:rPr lang="de-CH" noProof="0" dirty="0"/>
              <a:t>Eine Order (Reihenfolge)</a:t>
            </a:r>
          </a:p>
          <a:p>
            <a:pPr marL="315450" lvl="2" indent="-171450">
              <a:buFont typeface="Arial" panose="020B0604020202020204" pitchFamily="34" charset="0"/>
              <a:buChar char="•"/>
            </a:pPr>
            <a:r>
              <a:rPr lang="de-CH" noProof="0" dirty="0"/>
              <a:t>Einen Matcher (für welche Requests zuständig)</a:t>
            </a:r>
          </a:p>
          <a:p>
            <a:pPr marL="315450" lvl="2" indent="-171450">
              <a:buFont typeface="Arial" panose="020B0604020202020204" pitchFamily="34" charset="0"/>
              <a:buChar char="•"/>
            </a:pPr>
            <a:r>
              <a:rPr lang="de-CH" noProof="0" dirty="0"/>
              <a:t>Eine Liste mit Filter (ServletAPI)</a:t>
            </a:r>
          </a:p>
          <a:p>
            <a:pPr marL="171450" lvl="0" indent="-171450">
              <a:buFont typeface="Arial" panose="020B0604020202020204" pitchFamily="34" charset="0"/>
              <a:buChar char="•"/>
            </a:pPr>
            <a:r>
              <a:rPr lang="de-CH" noProof="0" dirty="0"/>
              <a:t>Beipiel erweitern mit SpringSecurity; SecurityFilterChain erstellen;</a:t>
            </a:r>
          </a:p>
        </p:txBody>
      </p:sp>
      <p:sp>
        <p:nvSpPr>
          <p:cNvPr id="4" name="Slide Number Placeholder 3"/>
          <p:cNvSpPr>
            <a:spLocks noGrp="1"/>
          </p:cNvSpPr>
          <p:nvPr>
            <p:ph type="sldNum" sz="quarter" idx="5"/>
          </p:nvPr>
        </p:nvSpPr>
        <p:spPr/>
        <p:txBody>
          <a:bodyPr/>
          <a:lstStyle/>
          <a:p>
            <a:fld id="{E5BBCCF6-F8A8-4C49-BF3D-CA1AA74CA975}" type="slidenum">
              <a:rPr lang="de-DE" smtClean="0"/>
              <a:pPr/>
              <a:t>12</a:t>
            </a:fld>
            <a:endParaRPr lang="de-DE" dirty="0"/>
          </a:p>
        </p:txBody>
      </p:sp>
    </p:spTree>
    <p:extLst>
      <p:ext uri="{BB962C8B-B14F-4D97-AF65-F5344CB8AC3E}">
        <p14:creationId xmlns:p14="http://schemas.microsoft.com/office/powerpoint/2010/main" val="73444754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Builder für </a:t>
            </a:r>
            <a:r>
              <a:rPr lang="en-US" dirty="0" err="1"/>
              <a:t>SecurityFilterChain</a:t>
            </a:r>
            <a:endParaRPr lang="en-US" dirty="0"/>
          </a:p>
          <a:p>
            <a:pPr marL="171450" indent="-171450">
              <a:buFont typeface="Arial" panose="020B0604020202020204" pitchFamily="34" charset="0"/>
              <a:buChar char="•"/>
            </a:pPr>
            <a:r>
              <a:rPr lang="en-US" dirty="0" err="1"/>
              <a:t>PrototypeScope</a:t>
            </a:r>
            <a:r>
              <a:rPr lang="en-US" dirty="0"/>
              <a:t>, </a:t>
            </a:r>
            <a:r>
              <a:rPr lang="en-US" dirty="0" err="1"/>
              <a:t>jedes</a:t>
            </a:r>
            <a:r>
              <a:rPr lang="en-US" dirty="0"/>
              <a:t> mal </a:t>
            </a:r>
            <a:r>
              <a:rPr lang="en-US" dirty="0" err="1"/>
              <a:t>eine</a:t>
            </a:r>
            <a:r>
              <a:rPr lang="en-US" dirty="0"/>
              <a:t> </a:t>
            </a:r>
            <a:r>
              <a:rPr lang="en-US" dirty="0" err="1"/>
              <a:t>neue</a:t>
            </a:r>
            <a:r>
              <a:rPr lang="en-US" dirty="0"/>
              <a:t> </a:t>
            </a:r>
            <a:r>
              <a:rPr lang="en-US" dirty="0" err="1"/>
              <a:t>Instanz</a:t>
            </a:r>
            <a:endParaRPr lang="en-US" dirty="0"/>
          </a:p>
          <a:p>
            <a:pPr marL="171450" indent="-171450">
              <a:buFont typeface="Arial" panose="020B0604020202020204" pitchFamily="34" charset="0"/>
              <a:buChar char="•"/>
            </a:pPr>
            <a:r>
              <a:rPr lang="en-US" dirty="0" err="1"/>
              <a:t>Besitzt</a:t>
            </a:r>
            <a:r>
              <a:rPr lang="en-US" dirty="0"/>
              <a:t> </a:t>
            </a:r>
            <a:r>
              <a:rPr lang="en-US" dirty="0" err="1"/>
              <a:t>verschiedene</a:t>
            </a:r>
            <a:r>
              <a:rPr lang="en-US" dirty="0"/>
              <a:t> </a:t>
            </a:r>
            <a:r>
              <a:rPr lang="en-US" dirty="0" err="1"/>
              <a:t>Configurer</a:t>
            </a:r>
            <a:r>
              <a:rPr lang="en-US" dirty="0"/>
              <a:t>, für die </a:t>
            </a:r>
            <a:r>
              <a:rPr lang="en-US" dirty="0" err="1"/>
              <a:t>jeweils</a:t>
            </a:r>
            <a:r>
              <a:rPr lang="en-US" dirty="0"/>
              <a:t> </a:t>
            </a:r>
            <a:r>
              <a:rPr lang="en-US" dirty="0" err="1"/>
              <a:t>eine</a:t>
            </a:r>
            <a:r>
              <a:rPr lang="en-US" dirty="0"/>
              <a:t> </a:t>
            </a:r>
            <a:r>
              <a:rPr lang="en-US" dirty="0" err="1"/>
              <a:t>gecachte</a:t>
            </a:r>
            <a:r>
              <a:rPr lang="en-US" dirty="0"/>
              <a:t> </a:t>
            </a:r>
            <a:r>
              <a:rPr lang="en-US" dirty="0" err="1"/>
              <a:t>Instanz</a:t>
            </a:r>
            <a:endParaRPr lang="en-US" dirty="0"/>
          </a:p>
          <a:p>
            <a:pPr marL="171450" indent="-171450">
              <a:buFont typeface="Arial" panose="020B0604020202020204" pitchFamily="34" charset="0"/>
              <a:buChar char="•"/>
            </a:pPr>
            <a:r>
              <a:rPr lang="en-US" dirty="0" err="1"/>
              <a:t>Mit</a:t>
            </a:r>
            <a:r>
              <a:rPr lang="en-US" dirty="0"/>
              <a:t> Build </a:t>
            </a:r>
            <a:r>
              <a:rPr lang="en-US" dirty="0" err="1"/>
              <a:t>wird</a:t>
            </a:r>
            <a:r>
              <a:rPr lang="en-US" dirty="0"/>
              <a:t> </a:t>
            </a:r>
            <a:r>
              <a:rPr lang="en-US" dirty="0" err="1"/>
              <a:t>aus</a:t>
            </a:r>
            <a:r>
              <a:rPr lang="en-US" dirty="0"/>
              <a:t> der </a:t>
            </a:r>
            <a:r>
              <a:rPr lang="en-US" dirty="0" err="1"/>
              <a:t>Konfiguration</a:t>
            </a:r>
            <a:r>
              <a:rPr lang="en-US" dirty="0"/>
              <a:t> </a:t>
            </a:r>
            <a:r>
              <a:rPr lang="en-US" dirty="0" err="1"/>
              <a:t>eine</a:t>
            </a:r>
            <a:r>
              <a:rPr lang="en-US" dirty="0"/>
              <a:t> </a:t>
            </a:r>
            <a:r>
              <a:rPr lang="en-US" dirty="0" err="1"/>
              <a:t>SecurityFilterChain</a:t>
            </a:r>
            <a:r>
              <a:rPr lang="en-US" dirty="0"/>
              <a:t> </a:t>
            </a:r>
            <a:r>
              <a:rPr lang="en-US" dirty="0" err="1"/>
              <a:t>erzeugt</a:t>
            </a:r>
            <a:endParaRPr lang="en-US" dirty="0"/>
          </a:p>
          <a:p>
            <a:pPr marL="171450" indent="-171450">
              <a:buFont typeface="Arial" panose="020B0604020202020204" pitchFamily="34" charset="0"/>
              <a:buChar char="•"/>
            </a:pPr>
            <a:r>
              <a:rPr lang="en-US" dirty="0"/>
              <a:t>In der Regel </a:t>
            </a:r>
            <a:r>
              <a:rPr lang="en-US" dirty="0" err="1"/>
              <a:t>immer</a:t>
            </a:r>
            <a:r>
              <a:rPr lang="en-US" dirty="0"/>
              <a:t> </a:t>
            </a:r>
            <a:r>
              <a:rPr lang="en-US" dirty="0" err="1"/>
              <a:t>HttpSecurity</a:t>
            </a:r>
            <a:r>
              <a:rPr lang="en-US" dirty="0"/>
              <a:t> </a:t>
            </a:r>
            <a:r>
              <a:rPr lang="en-US" dirty="0" err="1"/>
              <a:t>verwenden</a:t>
            </a:r>
            <a:endParaRPr lang="en-US" dirty="0"/>
          </a:p>
          <a:p>
            <a:pPr marL="171450" indent="-171450">
              <a:buFont typeface="Arial" panose="020B0604020202020204" pitchFamily="34" charset="0"/>
              <a:buChar char="•"/>
            </a:pPr>
            <a:r>
              <a:rPr lang="en-US" dirty="0" err="1"/>
              <a:t>Früher</a:t>
            </a:r>
            <a:r>
              <a:rPr lang="en-US" dirty="0"/>
              <a:t> </a:t>
            </a:r>
            <a:r>
              <a:rPr lang="en-US" dirty="0" err="1"/>
              <a:t>andere</a:t>
            </a:r>
            <a:r>
              <a:rPr lang="en-US" dirty="0"/>
              <a:t> </a:t>
            </a:r>
            <a:r>
              <a:rPr lang="en-US" dirty="0" err="1"/>
              <a:t>Konfigurationsmöglichkeiten</a:t>
            </a:r>
            <a:r>
              <a:rPr lang="en-US" dirty="0"/>
              <a:t> (</a:t>
            </a:r>
            <a:r>
              <a:rPr lang="en-US" dirty="0" err="1"/>
              <a:t>WebSecurity-Basisklasse</a:t>
            </a:r>
            <a:r>
              <a:rPr lang="en-US" dirty="0"/>
              <a:t>) =&gt; Deprecated</a:t>
            </a:r>
          </a:p>
          <a:p>
            <a:pPr marL="171450" indent="-171450">
              <a:buFont typeface="Arial" panose="020B0604020202020204" pitchFamily="34" charset="0"/>
              <a:buChar char="•"/>
            </a:pPr>
            <a:endParaRPr lang="en-US" dirty="0"/>
          </a:p>
          <a:p>
            <a:pPr marL="0" indent="0">
              <a:buFont typeface="Arial" panose="020B0604020202020204" pitchFamily="34" charset="0"/>
              <a:buNone/>
            </a:pPr>
            <a:endParaRPr lang="en-US" dirty="0"/>
          </a:p>
          <a:p>
            <a:pPr marL="171450" indent="-171450">
              <a:buFont typeface="Arial" panose="020B0604020202020204" pitchFamily="34" charset="0"/>
              <a:buChar char="•"/>
            </a:pPr>
            <a:r>
              <a:rPr lang="en-US" dirty="0" err="1"/>
              <a:t>FluentAPI</a:t>
            </a:r>
            <a:r>
              <a:rPr lang="en-US" dirty="0"/>
              <a:t> -&gt; </a:t>
            </a:r>
            <a:r>
              <a:rPr lang="en-US" dirty="0" err="1"/>
              <a:t>Nicht</a:t>
            </a:r>
            <a:r>
              <a:rPr lang="en-US" dirty="0"/>
              <a:t> </a:t>
            </a:r>
            <a:r>
              <a:rPr lang="en-US" dirty="0" err="1"/>
              <a:t>immer</a:t>
            </a:r>
            <a:r>
              <a:rPr lang="en-US" dirty="0"/>
              <a:t> </a:t>
            </a:r>
            <a:r>
              <a:rPr lang="en-US" dirty="0" err="1"/>
              <a:t>sinnvoll</a:t>
            </a:r>
            <a:endParaRPr lang="en-US" dirty="0"/>
          </a:p>
          <a:p>
            <a:pPr marL="171450" indent="-171450">
              <a:buFont typeface="Arial" panose="020B0604020202020204" pitchFamily="34" charset="0"/>
              <a:buChar char="•"/>
            </a:pPr>
            <a:r>
              <a:rPr lang="en-US" dirty="0" err="1"/>
              <a:t>Unklare</a:t>
            </a:r>
            <a:r>
              <a:rPr lang="en-US" dirty="0"/>
              <a:t> </a:t>
            </a:r>
            <a:r>
              <a:rPr lang="en-US" dirty="0" err="1"/>
              <a:t>Trennung</a:t>
            </a:r>
            <a:r>
              <a:rPr lang="en-US" dirty="0"/>
              <a:t> Matcher und Filter-</a:t>
            </a:r>
            <a:r>
              <a:rPr lang="en-US" dirty="0" err="1"/>
              <a:t>Konfiguration</a:t>
            </a:r>
            <a:endParaRPr lang="en-US" dirty="0"/>
          </a:p>
          <a:p>
            <a:pPr marL="171450" indent="-171450">
              <a:buFont typeface="Arial" panose="020B0604020202020204" pitchFamily="34" charset="0"/>
              <a:buChar char="•"/>
            </a:pPr>
            <a:r>
              <a:rPr lang="en-US" dirty="0" err="1"/>
              <a:t>Beispiel</a:t>
            </a:r>
            <a:r>
              <a:rPr lang="en-US" dirty="0"/>
              <a:t> </a:t>
            </a:r>
            <a:r>
              <a:rPr lang="en-US" dirty="0" err="1"/>
              <a:t>erweitern</a:t>
            </a:r>
            <a:r>
              <a:rPr lang="en-US" dirty="0"/>
              <a:t> </a:t>
            </a:r>
            <a:r>
              <a:rPr lang="en-US" dirty="0" err="1"/>
              <a:t>mit</a:t>
            </a:r>
            <a:r>
              <a:rPr lang="en-US" dirty="0"/>
              <a:t> </a:t>
            </a:r>
            <a:r>
              <a:rPr lang="en-US" dirty="0" err="1"/>
              <a:t>HttpSecurity</a:t>
            </a:r>
            <a:endParaRPr lang="en-US" dirty="0"/>
          </a:p>
          <a:p>
            <a:pPr marL="171450" indent="-171450">
              <a:buFont typeface="Arial" panose="020B0604020202020204" pitchFamily="34" charset="0"/>
              <a:buChar char="•"/>
            </a:pPr>
            <a:endParaRPr lang="en-US" dirty="0"/>
          </a:p>
          <a:p>
            <a:pPr marL="171450" indent="-171450">
              <a:buFont typeface="Arial" panose="020B0604020202020204" pitchFamily="34" charset="0"/>
              <a:buChar char="•"/>
            </a:pPr>
            <a:r>
              <a:rPr lang="en-US" dirty="0" err="1"/>
              <a:t>Häuffige</a:t>
            </a:r>
            <a:r>
              <a:rPr lang="en-US" dirty="0"/>
              <a:t> </a:t>
            </a:r>
            <a:r>
              <a:rPr lang="en-US" dirty="0" err="1"/>
              <a:t>Fehler</a:t>
            </a:r>
            <a:endParaRPr lang="en-US" dirty="0"/>
          </a:p>
          <a:p>
            <a:pPr marL="171450" lvl="1" indent="-171450">
              <a:buFont typeface="Arial" panose="020B0604020202020204" pitchFamily="34" charset="0"/>
              <a:buChar char="•"/>
            </a:pPr>
            <a:r>
              <a:rPr lang="en-US" dirty="0" err="1"/>
              <a:t>AntMatcher</a:t>
            </a:r>
            <a:r>
              <a:rPr lang="en-US" dirty="0"/>
              <a:t> und </a:t>
            </a:r>
            <a:r>
              <a:rPr lang="en-US" dirty="0" err="1"/>
              <a:t>antMachers</a:t>
            </a:r>
            <a:endParaRPr lang="en-US" dirty="0"/>
          </a:p>
          <a:p>
            <a:pPr marL="171450" lvl="1" indent="-171450">
              <a:buFont typeface="Arial" panose="020B0604020202020204" pitchFamily="34" charset="0"/>
              <a:buChar char="•"/>
            </a:pPr>
            <a:r>
              <a:rPr lang="en-US" dirty="0" err="1"/>
              <a:t>Vergessen</a:t>
            </a:r>
            <a:r>
              <a:rPr lang="en-US" dirty="0"/>
              <a:t> von </a:t>
            </a:r>
            <a:r>
              <a:rPr lang="en-US" dirty="0" err="1"/>
              <a:t>Pfaden</a:t>
            </a:r>
            <a:r>
              <a:rPr lang="en-US" dirty="0"/>
              <a:t> Authorization (Default </a:t>
            </a:r>
            <a:r>
              <a:rPr lang="en-US" dirty="0" err="1"/>
              <a:t>ist</a:t>
            </a:r>
            <a:r>
              <a:rPr lang="en-US"/>
              <a:t> XXX)</a:t>
            </a:r>
          </a:p>
          <a:p>
            <a:pPr marL="171450" lvl="1" indent="-171450">
              <a:buFont typeface="Arial" panose="020B0604020202020204" pitchFamily="34" charset="0"/>
              <a:buChar char="•"/>
            </a:pPr>
            <a:endParaRPr lang="en-US"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3</a:t>
            </a:fld>
            <a:endParaRPr lang="de-DE" dirty="0"/>
          </a:p>
        </p:txBody>
      </p:sp>
    </p:spTree>
    <p:extLst>
      <p:ext uri="{BB962C8B-B14F-4D97-AF65-F5344CB8AC3E}">
        <p14:creationId xmlns:p14="http://schemas.microsoft.com/office/powerpoint/2010/main" val="381243208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err="1"/>
              <a:t>Alles</a:t>
            </a:r>
            <a:r>
              <a:rPr lang="en-US" dirty="0"/>
              <a:t> Beans, </a:t>
            </a:r>
            <a:r>
              <a:rPr lang="en-US" dirty="0" err="1"/>
              <a:t>können</a:t>
            </a:r>
            <a:r>
              <a:rPr lang="en-US" dirty="0"/>
              <a:t> </a:t>
            </a:r>
            <a:r>
              <a:rPr lang="en-US" dirty="0" err="1"/>
              <a:t>konfiguriert</a:t>
            </a:r>
            <a:r>
              <a:rPr lang="en-US" dirty="0"/>
              <a:t> </a:t>
            </a:r>
            <a:r>
              <a:rPr lang="en-US" dirty="0" err="1"/>
              <a:t>werden</a:t>
            </a:r>
            <a:r>
              <a:rPr lang="en-US" dirty="0"/>
              <a:t>. Filter, </a:t>
            </a:r>
            <a:r>
              <a:rPr lang="en-US" dirty="0" err="1"/>
              <a:t>AuthenticationManager</a:t>
            </a:r>
            <a:r>
              <a:rPr lang="en-US" dirty="0"/>
              <a:t>, Providers und </a:t>
            </a:r>
            <a:r>
              <a:rPr lang="en-US" dirty="0" err="1"/>
              <a:t>SecurityContextRepository</a:t>
            </a:r>
            <a:r>
              <a:rPr lang="en-US" dirty="0"/>
              <a:t> </a:t>
            </a:r>
            <a:r>
              <a:rPr lang="en-US" dirty="0" err="1"/>
              <a:t>über</a:t>
            </a:r>
            <a:r>
              <a:rPr lang="en-US" dirty="0"/>
              <a:t> </a:t>
            </a:r>
            <a:r>
              <a:rPr lang="en-US" dirty="0" err="1"/>
              <a:t>HttpSecurity</a:t>
            </a:r>
            <a:r>
              <a:rPr lang="en-US" dirty="0"/>
              <a:t>.</a:t>
            </a:r>
          </a:p>
          <a:p>
            <a:pPr marL="171450" indent="-171450">
              <a:buFont typeface="Arial" panose="020B0604020202020204" pitchFamily="34" charset="0"/>
              <a:buChar char="•"/>
            </a:pPr>
            <a:r>
              <a:rPr lang="en-US" dirty="0"/>
              <a:t>In der Regel muss </a:t>
            </a:r>
            <a:r>
              <a:rPr lang="en-US" dirty="0" err="1"/>
              <a:t>AuthenticationManager</a:t>
            </a:r>
            <a:r>
              <a:rPr lang="en-US" dirty="0"/>
              <a:t> (</a:t>
            </a:r>
            <a:r>
              <a:rPr lang="en-US" dirty="0" err="1"/>
              <a:t>ProviderManager</a:t>
            </a:r>
            <a:r>
              <a:rPr lang="en-US" dirty="0"/>
              <a:t> </a:t>
            </a:r>
            <a:r>
              <a:rPr lang="en-US" dirty="0" err="1"/>
              <a:t>mit</a:t>
            </a:r>
            <a:r>
              <a:rPr lang="en-US" dirty="0"/>
              <a:t> </a:t>
            </a:r>
            <a:r>
              <a:rPr lang="en-US" dirty="0" err="1"/>
              <a:t>UserDetailService</a:t>
            </a:r>
            <a:r>
              <a:rPr lang="en-US" dirty="0"/>
              <a:t>) und </a:t>
            </a:r>
            <a:r>
              <a:rPr lang="en-US" dirty="0" err="1"/>
              <a:t>SecurityContextRepository</a:t>
            </a:r>
            <a:r>
              <a:rPr lang="en-US" dirty="0"/>
              <a:t> (</a:t>
            </a:r>
            <a:r>
              <a:rPr lang="en-US" dirty="0" err="1"/>
              <a:t>HttpSession</a:t>
            </a:r>
            <a:r>
              <a:rPr lang="en-US" dirty="0"/>
              <a:t>) </a:t>
            </a:r>
            <a:r>
              <a:rPr lang="en-US" dirty="0" err="1"/>
              <a:t>nicht</a:t>
            </a:r>
            <a:r>
              <a:rPr lang="en-US" dirty="0"/>
              <a:t> </a:t>
            </a:r>
            <a:r>
              <a:rPr lang="en-US" dirty="0" err="1"/>
              <a:t>verändert</a:t>
            </a:r>
            <a:r>
              <a:rPr lang="en-US" dirty="0"/>
              <a:t> </a:t>
            </a:r>
            <a:r>
              <a:rPr lang="en-US" dirty="0" err="1"/>
              <a:t>werden</a:t>
            </a:r>
            <a:r>
              <a:rPr lang="en-US" dirty="0"/>
              <a:t>, </a:t>
            </a:r>
            <a:r>
              <a:rPr lang="en-US" dirty="0" err="1"/>
              <a:t>haben</a:t>
            </a:r>
            <a:r>
              <a:rPr lang="en-US" dirty="0"/>
              <a:t> alle </a:t>
            </a:r>
            <a:r>
              <a:rPr lang="en-US" dirty="0" err="1"/>
              <a:t>wichtigen</a:t>
            </a:r>
            <a:r>
              <a:rPr lang="en-US" dirty="0"/>
              <a:t> </a:t>
            </a:r>
            <a:r>
              <a:rPr lang="en-US" dirty="0" err="1"/>
              <a:t>Mechanismen</a:t>
            </a:r>
            <a:r>
              <a:rPr lang="en-US" dirty="0"/>
              <a:t> </a:t>
            </a:r>
            <a:r>
              <a:rPr lang="en-US" dirty="0" err="1"/>
              <a:t>drin</a:t>
            </a:r>
            <a:r>
              <a:rPr lang="en-US" dirty="0"/>
              <a:t>. </a:t>
            </a:r>
            <a:r>
              <a:rPr lang="en-US" dirty="0" err="1"/>
              <a:t>Wenn</a:t>
            </a:r>
            <a:r>
              <a:rPr lang="en-US" dirty="0"/>
              <a:t> </a:t>
            </a:r>
            <a:r>
              <a:rPr lang="en-US" dirty="0" err="1"/>
              <a:t>notwendig</a:t>
            </a:r>
            <a:r>
              <a:rPr lang="en-US" dirty="0"/>
              <a:t> </a:t>
            </a:r>
            <a:r>
              <a:rPr lang="en-US" dirty="0" err="1"/>
              <a:t>können</a:t>
            </a:r>
            <a:r>
              <a:rPr lang="en-US" dirty="0"/>
              <a:t> </a:t>
            </a:r>
            <a:r>
              <a:rPr lang="en-US" dirty="0" err="1"/>
              <a:t>neue</a:t>
            </a:r>
            <a:r>
              <a:rPr lang="en-US" dirty="0"/>
              <a:t> Provider </a:t>
            </a:r>
            <a:r>
              <a:rPr lang="en-US" dirty="0" err="1"/>
              <a:t>erstellt</a:t>
            </a:r>
            <a:r>
              <a:rPr lang="en-US" dirty="0"/>
              <a:t> </a:t>
            </a:r>
            <a:r>
              <a:rPr lang="en-US" dirty="0" err="1"/>
              <a:t>werden</a:t>
            </a:r>
            <a:r>
              <a:rPr lang="en-US" dirty="0"/>
              <a:t>.</a:t>
            </a:r>
          </a:p>
          <a:p>
            <a:pPr marL="171450" indent="-171450">
              <a:buFont typeface="Arial" panose="020B0604020202020204" pitchFamily="34" charset="0"/>
              <a:buChar char="•"/>
            </a:pPr>
            <a:r>
              <a:rPr lang="en-US" dirty="0"/>
              <a:t>Die </a:t>
            </a:r>
            <a:r>
              <a:rPr lang="en-US" dirty="0" err="1"/>
              <a:t>verschiedenen</a:t>
            </a:r>
            <a:r>
              <a:rPr lang="en-US" dirty="0"/>
              <a:t> </a:t>
            </a:r>
            <a:r>
              <a:rPr lang="en-US" dirty="0" err="1"/>
              <a:t>AuthenticationFilter</a:t>
            </a:r>
            <a:r>
              <a:rPr lang="en-US" dirty="0"/>
              <a:t> </a:t>
            </a:r>
            <a:r>
              <a:rPr lang="en-US" dirty="0" err="1"/>
              <a:t>unterscheiden</a:t>
            </a:r>
            <a:r>
              <a:rPr lang="en-US" dirty="0"/>
              <a:t> </a:t>
            </a:r>
            <a:r>
              <a:rPr lang="en-US" dirty="0" err="1"/>
              <a:t>sich</a:t>
            </a:r>
            <a:r>
              <a:rPr lang="en-US" dirty="0"/>
              <a:t> </a:t>
            </a:r>
            <a:r>
              <a:rPr lang="en-US" dirty="0" err="1"/>
              <a:t>wie</a:t>
            </a:r>
            <a:r>
              <a:rPr lang="en-US" dirty="0"/>
              <a:t> die </a:t>
            </a:r>
            <a:r>
              <a:rPr lang="en-US" dirty="0" err="1"/>
              <a:t>initiale</a:t>
            </a:r>
            <a:r>
              <a:rPr lang="en-US" dirty="0"/>
              <a:t> Authentication </a:t>
            </a:r>
            <a:r>
              <a:rPr lang="en-US" dirty="0" err="1"/>
              <a:t>erstellt</a:t>
            </a:r>
            <a:r>
              <a:rPr lang="en-US" dirty="0"/>
              <a:t> </a:t>
            </a:r>
            <a:r>
              <a:rPr lang="en-US" dirty="0" err="1"/>
              <a:t>wird</a:t>
            </a:r>
            <a:r>
              <a:rPr lang="en-US" dirty="0"/>
              <a:t>.</a:t>
            </a:r>
          </a:p>
          <a:p>
            <a:pPr marL="171450" indent="-171450">
              <a:buFont typeface="Arial" panose="020B0604020202020204" pitchFamily="34" charset="0"/>
              <a:buChar char="•"/>
            </a:pPr>
            <a:r>
              <a:rPr lang="en-US" dirty="0" err="1"/>
              <a:t>AuthenticationFilter</a:t>
            </a:r>
            <a:r>
              <a:rPr lang="en-US" dirty="0"/>
              <a:t> </a:t>
            </a:r>
            <a:r>
              <a:rPr lang="en-US" dirty="0" err="1"/>
              <a:t>kommt</a:t>
            </a:r>
            <a:r>
              <a:rPr lang="en-US" dirty="0"/>
              <a:t> </a:t>
            </a:r>
            <a:r>
              <a:rPr lang="en-US" dirty="0" err="1"/>
              <a:t>nur</a:t>
            </a:r>
            <a:r>
              <a:rPr lang="en-US" dirty="0"/>
              <a:t> </a:t>
            </a:r>
            <a:r>
              <a:rPr lang="en-US" dirty="0" err="1"/>
              <a:t>bei</a:t>
            </a:r>
            <a:r>
              <a:rPr lang="en-US" dirty="0"/>
              <a:t> Authentication-Requests </a:t>
            </a:r>
            <a:r>
              <a:rPr lang="en-US" dirty="0" err="1"/>
              <a:t>zum</a:t>
            </a:r>
            <a:r>
              <a:rPr lang="en-US" dirty="0"/>
              <a:t> </a:t>
            </a:r>
            <a:r>
              <a:rPr lang="en-US" dirty="0" err="1"/>
              <a:t>Einsatz</a:t>
            </a:r>
            <a:r>
              <a:rPr lang="en-US" dirty="0"/>
              <a:t>, </a:t>
            </a:r>
            <a:r>
              <a:rPr lang="en-US" dirty="0" err="1"/>
              <a:t>bei</a:t>
            </a:r>
            <a:r>
              <a:rPr lang="en-US" dirty="0"/>
              <a:t> </a:t>
            </a:r>
            <a:r>
              <a:rPr lang="en-US" dirty="0" err="1"/>
              <a:t>fehlender</a:t>
            </a:r>
            <a:r>
              <a:rPr lang="en-US" dirty="0"/>
              <a:t> Authorization </a:t>
            </a:r>
            <a:r>
              <a:rPr lang="en-US" dirty="0" err="1"/>
              <a:t>wird</a:t>
            </a:r>
            <a:r>
              <a:rPr lang="en-US" dirty="0"/>
              <a:t> </a:t>
            </a:r>
            <a:r>
              <a:rPr lang="en-US" dirty="0" err="1"/>
              <a:t>ein</a:t>
            </a:r>
            <a:r>
              <a:rPr lang="en-US" dirty="0"/>
              <a:t> Redirect </a:t>
            </a:r>
            <a:r>
              <a:rPr lang="en-US" dirty="0" err="1"/>
              <a:t>zum</a:t>
            </a:r>
            <a:r>
              <a:rPr lang="en-US" dirty="0"/>
              <a:t> </a:t>
            </a:r>
            <a:r>
              <a:rPr lang="en-US" dirty="0" err="1"/>
              <a:t>EntryPoint</a:t>
            </a:r>
            <a:r>
              <a:rPr lang="en-US" dirty="0"/>
              <a:t> </a:t>
            </a:r>
            <a:r>
              <a:rPr lang="en-US" dirty="0" err="1"/>
              <a:t>durchfeguhrt</a:t>
            </a:r>
            <a:r>
              <a:rPr lang="en-US" dirty="0"/>
              <a:t> (Login-Form, OIDC-Login, </a:t>
            </a:r>
            <a:r>
              <a:rPr lang="en-US" dirty="0" err="1"/>
              <a:t>keiner</a:t>
            </a:r>
            <a:r>
              <a:rPr lang="en-US" dirty="0"/>
              <a:t> für Basic)</a:t>
            </a:r>
          </a:p>
          <a:p>
            <a:pPr marL="171450" indent="-171450">
              <a:buFont typeface="Arial" panose="020B0604020202020204" pitchFamily="34" charset="0"/>
              <a:buChar char="•"/>
            </a:pPr>
            <a:r>
              <a:rPr lang="en-US" dirty="0" err="1"/>
              <a:t>Beispiel</a:t>
            </a:r>
            <a:r>
              <a:rPr lang="en-US" dirty="0"/>
              <a:t> </a:t>
            </a:r>
            <a:r>
              <a:rPr lang="en-US" dirty="0" err="1"/>
              <a:t>eigener</a:t>
            </a:r>
            <a:r>
              <a:rPr lang="en-US" dirty="0"/>
              <a:t> </a:t>
            </a:r>
            <a:r>
              <a:rPr lang="en-US" dirty="0" err="1"/>
              <a:t>AuthenticationProvider</a:t>
            </a:r>
            <a:r>
              <a:rPr lang="en-US" dirty="0"/>
              <a:t> (</a:t>
            </a:r>
            <a:r>
              <a:rPr lang="en-US" dirty="0" err="1"/>
              <a:t>beihnaltet</a:t>
            </a:r>
            <a:r>
              <a:rPr lang="en-US" dirty="0"/>
              <a:t> </a:t>
            </a:r>
            <a:r>
              <a:rPr lang="en-US" dirty="0" err="1"/>
              <a:t>DaoUserService</a:t>
            </a:r>
            <a:r>
              <a:rPr lang="en-US" dirty="0"/>
              <a:t>)</a:t>
            </a:r>
          </a:p>
          <a:p>
            <a:pPr marL="171450" indent="-171450">
              <a:buFont typeface="Arial" panose="020B0604020202020204" pitchFamily="34" charset="0"/>
              <a:buChar char="•"/>
            </a:pPr>
            <a:r>
              <a:rPr lang="en-US" dirty="0" err="1"/>
              <a:t>WebFlux</a:t>
            </a:r>
            <a:r>
              <a:rPr lang="en-US" dirty="0"/>
              <a:t>: </a:t>
            </a:r>
            <a:r>
              <a:rPr lang="en-US" dirty="0" err="1"/>
              <a:t>Kein</a:t>
            </a:r>
            <a:r>
              <a:rPr lang="en-US" dirty="0"/>
              <a:t> Provider </a:t>
            </a:r>
            <a:r>
              <a:rPr lang="en-US" dirty="0" err="1"/>
              <a:t>mehr</a:t>
            </a:r>
            <a:r>
              <a:rPr lang="en-US" dirty="0"/>
              <a:t> -&gt; Deprecated</a:t>
            </a:r>
          </a:p>
          <a:p>
            <a:pPr marL="171450" indent="-171450">
              <a:buFont typeface="Arial" panose="020B0604020202020204" pitchFamily="34" charset="0"/>
              <a:buChar char="•"/>
            </a:pP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4</a:t>
            </a:fld>
            <a:endParaRPr lang="de-DE" dirty="0"/>
          </a:p>
        </p:txBody>
      </p:sp>
    </p:spTree>
    <p:extLst>
      <p:ext uri="{BB962C8B-B14F-4D97-AF65-F5344CB8AC3E}">
        <p14:creationId xmlns:p14="http://schemas.microsoft.com/office/powerpoint/2010/main" val="297042516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Authorization Filter: Erst </a:t>
            </a:r>
            <a:r>
              <a:rPr lang="en-US" dirty="0" err="1"/>
              <a:t>RequestMatcher</a:t>
            </a:r>
            <a:r>
              <a:rPr lang="en-US" dirty="0"/>
              <a:t>, </a:t>
            </a:r>
            <a:r>
              <a:rPr lang="en-US" dirty="0" err="1"/>
              <a:t>dann</a:t>
            </a:r>
            <a:r>
              <a:rPr lang="en-US" dirty="0"/>
              <a:t> </a:t>
            </a:r>
            <a:r>
              <a:rPr lang="en-US" dirty="0" err="1"/>
              <a:t>AuthenticationManger</a:t>
            </a:r>
            <a:r>
              <a:rPr lang="en-US" dirty="0"/>
              <a:t>. </a:t>
            </a:r>
            <a:r>
              <a:rPr lang="en-US" dirty="0" err="1"/>
              <a:t>Reihenfolge</a:t>
            </a:r>
            <a:r>
              <a:rPr lang="en-US" dirty="0"/>
              <a:t> </a:t>
            </a:r>
            <a:r>
              <a:rPr lang="en-US" dirty="0" err="1"/>
              <a:t>wichtig</a:t>
            </a:r>
            <a:r>
              <a:rPr lang="en-US" dirty="0"/>
              <a:t>!</a:t>
            </a:r>
          </a:p>
          <a:p>
            <a:pPr marL="171450" indent="-171450">
              <a:buFont typeface="Arial" panose="020B0604020202020204" pitchFamily="34" charset="0"/>
              <a:buChar char="•"/>
            </a:pPr>
            <a:r>
              <a:rPr lang="en-US" dirty="0"/>
              <a:t>Pre/Post Authorize</a:t>
            </a:r>
          </a:p>
          <a:p>
            <a:pPr marL="171450" indent="-171450">
              <a:buFont typeface="Arial" panose="020B0604020202020204" pitchFamily="34" charset="0"/>
              <a:buChar char="•"/>
            </a:pPr>
            <a:r>
              <a:rPr lang="en-US" dirty="0"/>
              <a:t>Pre/Post-Filter</a:t>
            </a:r>
          </a:p>
          <a:p>
            <a:pPr marL="171450" indent="-171450">
              <a:buFont typeface="Arial" panose="020B0604020202020204" pitchFamily="34" charset="0"/>
              <a:buChar char="•"/>
            </a:pPr>
            <a:r>
              <a:rPr lang="en-US" dirty="0"/>
              <a:t>Logic</a:t>
            </a:r>
          </a:p>
          <a:p>
            <a:pPr marL="171450" indent="-171450">
              <a:buFont typeface="Arial" panose="020B0604020202020204" pitchFamily="34" charset="0"/>
              <a:buChar char="•"/>
            </a:pPr>
            <a:r>
              <a:rPr lang="en-US" dirty="0"/>
              <a:t>Role: </a:t>
            </a:r>
            <a:r>
              <a:rPr lang="en-US" dirty="0" err="1"/>
              <a:t>Authrority</a:t>
            </a:r>
            <a:r>
              <a:rPr lang="en-US" dirty="0"/>
              <a:t> </a:t>
            </a:r>
            <a:r>
              <a:rPr lang="en-US" dirty="0" err="1"/>
              <a:t>mit</a:t>
            </a:r>
            <a:r>
              <a:rPr lang="en-US" dirty="0"/>
              <a:t> Prefix “ROLE_”</a:t>
            </a:r>
          </a:p>
          <a:p>
            <a:pPr marL="171450" indent="-171450">
              <a:buFont typeface="Arial" panose="020B0604020202020204" pitchFamily="34" charset="0"/>
              <a:buChar char="•"/>
            </a:pPr>
            <a:endParaRPr lang="en-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5</a:t>
            </a:fld>
            <a:endParaRPr lang="de-DE" dirty="0"/>
          </a:p>
        </p:txBody>
      </p:sp>
    </p:spTree>
    <p:extLst>
      <p:ext uri="{BB962C8B-B14F-4D97-AF65-F5344CB8AC3E}">
        <p14:creationId xmlns:p14="http://schemas.microsoft.com/office/powerpoint/2010/main" val="226032121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tags" Target="../tags/tag6.xml"/><Relationship Id="rId1" Type="http://schemas.openxmlformats.org/officeDocument/2006/relationships/tags" Target="../tags/tag5.xml"/><Relationship Id="rId5" Type="http://schemas.openxmlformats.org/officeDocument/2006/relationships/slideMaster" Target="../slideMasters/slideMaster1.xml"/><Relationship Id="rId4" Type="http://schemas.openxmlformats.org/officeDocument/2006/relationships/tags" Target="../tags/tag8.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tags" Target="../tags/tag10.xml"/><Relationship Id="rId1" Type="http://schemas.openxmlformats.org/officeDocument/2006/relationships/tags" Target="../tags/tag9.xml"/><Relationship Id="rId4"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tags" Target="../tags/tag13.xml"/><Relationship Id="rId1" Type="http://schemas.openxmlformats.org/officeDocument/2006/relationships/tags" Target="../tags/tag12.xml"/><Relationship Id="rId4"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7" name="Date Placeholder 3">
            <a:extLst>
              <a:ext uri="{FF2B5EF4-FFF2-40B4-BE49-F238E27FC236}">
                <a16:creationId xmlns:a16="http://schemas.microsoft.com/office/drawing/2014/main" id="{02F8741F-59EA-13F5-0DE4-B32DD9F9463A}"/>
              </a:ext>
            </a:extLst>
          </p:cNvPr>
          <p:cNvSpPr>
            <a:spLocks noGrp="1"/>
          </p:cNvSpPr>
          <p:nvPr>
            <p:ph type="dt" sz="half" idx="2"/>
          </p:nvPr>
        </p:nvSpPr>
        <p:spPr>
          <a:xfrm>
            <a:off x="619304" y="7047097"/>
            <a:ext cx="2743200" cy="3600"/>
          </a:xfrm>
          <a:prstGeom prst="rect">
            <a:avLst/>
          </a:prstGeom>
        </p:spPr>
        <p:txBody>
          <a:bodyPr vert="horz" lIns="91440" tIns="45720" rIns="91440" bIns="45720" rtlCol="0" anchor="ctr"/>
          <a:lstStyle>
            <a:lvl1pPr algn="l">
              <a:defRPr sz="1200">
                <a:solidFill>
                  <a:srgbClr val="F0F0F0"/>
                </a:solidFill>
              </a:defRPr>
            </a:lvl1pPr>
          </a:lstStyle>
          <a:p>
            <a:fld id="{F5AF8155-3039-49A4-930E-EDBA4ED207DB}" type="datetime1">
              <a:rPr lang="de-CH" smtClean="0"/>
              <a:pPr/>
              <a:t>20.10.2022</a:t>
            </a:fld>
            <a:r>
              <a:rPr lang="de-CH" dirty="0"/>
              <a:t>f</a:t>
            </a:r>
            <a:endParaRPr lang="de-CH"/>
          </a:p>
        </p:txBody>
      </p:sp>
      <p:sp>
        <p:nvSpPr>
          <p:cNvPr id="13" name="Footer Placeholder 4">
            <a:extLst>
              <a:ext uri="{FF2B5EF4-FFF2-40B4-BE49-F238E27FC236}">
                <a16:creationId xmlns:a16="http://schemas.microsoft.com/office/drawing/2014/main" id="{0F31288B-358A-4E1C-DD16-FE030624C9D7}"/>
              </a:ext>
            </a:extLst>
          </p:cNvPr>
          <p:cNvSpPr>
            <a:spLocks noGrp="1"/>
          </p:cNvSpPr>
          <p:nvPr>
            <p:ph type="ftr" sz="quarter" idx="3"/>
          </p:nvPr>
        </p:nvSpPr>
        <p:spPr>
          <a:xfrm>
            <a:off x="3997424" y="7047097"/>
            <a:ext cx="4114800" cy="3600"/>
          </a:xfrm>
          <a:prstGeom prst="rect">
            <a:avLst/>
          </a:prstGeom>
        </p:spPr>
        <p:txBody>
          <a:bodyPr vert="horz" lIns="91440" tIns="45720" rIns="91440" bIns="45720" rtlCol="0" anchor="ctr"/>
          <a:lstStyle>
            <a:lvl1pPr algn="ctr">
              <a:defRPr sz="1200">
                <a:solidFill>
                  <a:srgbClr val="F0F0F0"/>
                </a:solidFill>
              </a:defRPr>
            </a:lvl1pPr>
          </a:lstStyle>
          <a:p>
            <a:endParaRPr lang="de-CH" dirty="0"/>
          </a:p>
        </p:txBody>
      </p:sp>
    </p:spTree>
    <p:extLst>
      <p:ext uri="{BB962C8B-B14F-4D97-AF65-F5344CB8AC3E}">
        <p14:creationId xmlns:p14="http://schemas.microsoft.com/office/powerpoint/2010/main" val="28828475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3" name="Date Placeholder 2">
            <a:extLst>
              <a:ext uri="{FF2B5EF4-FFF2-40B4-BE49-F238E27FC236}">
                <a16:creationId xmlns:a16="http://schemas.microsoft.com/office/drawing/2014/main" id="{EA314F1F-5DC0-798D-1024-E6CB6B0A5428}"/>
              </a:ext>
            </a:extLst>
          </p:cNvPr>
          <p:cNvSpPr>
            <a:spLocks noGrp="1"/>
          </p:cNvSpPr>
          <p:nvPr>
            <p:ph type="dt" sz="half" idx="20"/>
          </p:nvPr>
        </p:nvSpPr>
        <p:spPr/>
        <p:txBody>
          <a:bodyPr/>
          <a:lstStyle/>
          <a:p>
            <a:fld id="{4AD2CB6A-76A7-4388-B029-4B2D0D794F3F}" type="datetime1">
              <a:rPr lang="de-CH" smtClean="0"/>
              <a:t>20.10.2022</a:t>
            </a:fld>
            <a:endParaRPr lang="de-CH"/>
          </a:p>
        </p:txBody>
      </p:sp>
      <p:sp>
        <p:nvSpPr>
          <p:cNvPr id="4" name="Footer Placeholder 3">
            <a:extLst>
              <a:ext uri="{FF2B5EF4-FFF2-40B4-BE49-F238E27FC236}">
                <a16:creationId xmlns:a16="http://schemas.microsoft.com/office/drawing/2014/main" id="{354FFD5A-C787-75DA-20CF-702E70FF3075}"/>
              </a:ext>
            </a:extLst>
          </p:cNvPr>
          <p:cNvSpPr>
            <a:spLocks noGrp="1"/>
          </p:cNvSpPr>
          <p:nvPr>
            <p:ph type="ftr" sz="quarter" idx="21"/>
          </p:nvPr>
        </p:nvSpPr>
        <p:spPr/>
        <p:txBody>
          <a:bodyPr/>
          <a:lstStyle/>
          <a:p>
            <a:endParaRPr lang="de-CH"/>
          </a:p>
        </p:txBody>
      </p:sp>
      <p:sp>
        <p:nvSpPr>
          <p:cNvPr id="5" name="Slide Number Placeholder 4">
            <a:extLst>
              <a:ext uri="{FF2B5EF4-FFF2-40B4-BE49-F238E27FC236}">
                <a16:creationId xmlns:a16="http://schemas.microsoft.com/office/drawing/2014/main" id="{A906CE3E-478A-ACDF-A57D-F33D925A36F4}"/>
              </a:ext>
            </a:extLst>
          </p:cNvPr>
          <p:cNvSpPr>
            <a:spLocks noGrp="1"/>
          </p:cNvSpPr>
          <p:nvPr>
            <p:ph type="sldNum" sz="quarter" idx="22"/>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079071838"/>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3749" userDrawn="1">
          <p15:clr>
            <a:srgbClr val="C35EA4"/>
          </p15:clr>
        </p15:guide>
        <p15:guide id="6" pos="3931" userDrawn="1">
          <p15:clr>
            <a:srgbClr val="C35EA4"/>
          </p15:clr>
        </p15:guide>
        <p15:guide id="7" orient="horz" pos="2341" userDrawn="1">
          <p15:clr>
            <a:srgbClr val="C35EA4"/>
          </p15:clr>
        </p15:guide>
        <p15:guide id="8" orient="horz" pos="2523" userDrawn="1">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 name="Date Placeholder 1">
            <a:extLst>
              <a:ext uri="{FF2B5EF4-FFF2-40B4-BE49-F238E27FC236}">
                <a16:creationId xmlns:a16="http://schemas.microsoft.com/office/drawing/2014/main" id="{AAA0E9D4-0BFD-D386-2D06-80478B8C6492}"/>
              </a:ext>
            </a:extLst>
          </p:cNvPr>
          <p:cNvSpPr>
            <a:spLocks noGrp="1"/>
          </p:cNvSpPr>
          <p:nvPr>
            <p:ph type="dt" sz="half" idx="18"/>
          </p:nvPr>
        </p:nvSpPr>
        <p:spPr/>
        <p:txBody>
          <a:bodyPr/>
          <a:lstStyle/>
          <a:p>
            <a:fld id="{FE38E3FA-3808-499B-97C9-3B578306123F}" type="datetime1">
              <a:rPr lang="de-CH" smtClean="0"/>
              <a:t>20.10.2022</a:t>
            </a:fld>
            <a:endParaRPr lang="de-CH"/>
          </a:p>
        </p:txBody>
      </p:sp>
      <p:sp>
        <p:nvSpPr>
          <p:cNvPr id="3" name="Footer Placeholder 2">
            <a:extLst>
              <a:ext uri="{FF2B5EF4-FFF2-40B4-BE49-F238E27FC236}">
                <a16:creationId xmlns:a16="http://schemas.microsoft.com/office/drawing/2014/main" id="{23C74BB2-68CC-7CB4-8375-0FE691AB9237}"/>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1B204F67-227B-82C1-3E7B-B19D7D7F7B31}"/>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6604280"/>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ED956B58-5617-D3B8-C22D-D370273EA083}"/>
              </a:ext>
            </a:extLst>
          </p:cNvPr>
          <p:cNvSpPr>
            <a:spLocks noGrp="1"/>
          </p:cNvSpPr>
          <p:nvPr>
            <p:ph type="dt" sz="half" idx="19"/>
          </p:nvPr>
        </p:nvSpPr>
        <p:spPr/>
        <p:txBody>
          <a:bodyPr/>
          <a:lstStyle/>
          <a:p>
            <a:fld id="{B3BB7989-415D-4FB3-830E-9C0C6D18965B}" type="datetime1">
              <a:rPr lang="de-CH" smtClean="0"/>
              <a:t>20.10.2022</a:t>
            </a:fld>
            <a:endParaRPr lang="de-CH"/>
          </a:p>
        </p:txBody>
      </p:sp>
      <p:sp>
        <p:nvSpPr>
          <p:cNvPr id="3" name="Footer Placeholder 2">
            <a:extLst>
              <a:ext uri="{FF2B5EF4-FFF2-40B4-BE49-F238E27FC236}">
                <a16:creationId xmlns:a16="http://schemas.microsoft.com/office/drawing/2014/main" id="{DA02D120-AAAF-5E6A-9856-F9350DAF3DF0}"/>
              </a:ext>
            </a:extLst>
          </p:cNvPr>
          <p:cNvSpPr>
            <a:spLocks noGrp="1"/>
          </p:cNvSpPr>
          <p:nvPr>
            <p:ph type="ftr" sz="quarter" idx="20"/>
          </p:nvPr>
        </p:nvSpPr>
        <p:spPr/>
        <p:txBody>
          <a:bodyPr/>
          <a:lstStyle/>
          <a:p>
            <a:endParaRPr lang="de-CH"/>
          </a:p>
        </p:txBody>
      </p:sp>
      <p:sp>
        <p:nvSpPr>
          <p:cNvPr id="5" name="Slide Number Placeholder 4">
            <a:extLst>
              <a:ext uri="{FF2B5EF4-FFF2-40B4-BE49-F238E27FC236}">
                <a16:creationId xmlns:a16="http://schemas.microsoft.com/office/drawing/2014/main" id="{24FC5D07-268A-8521-4BA1-08979B63C7CD}"/>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400735421"/>
      </p:ext>
    </p:extLst>
  </p:cSld>
  <p:clrMapOvr>
    <a:masterClrMapping/>
  </p:clrMapOvr>
  <p:extLst>
    <p:ext uri="{DCECCB84-F9BA-43D5-87BE-67443E8EF086}">
      <p15:sldGuideLst xmlns:p15="http://schemas.microsoft.com/office/powerpoint/2012/main">
        <p15:guide id="1" pos="2570"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guide id="7" pos="2751" userDrawn="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picture | one content">
    <p:spTree>
      <p:nvGrpSpPr>
        <p:cNvPr id="1" name=""/>
        <p:cNvGrpSpPr/>
        <p:nvPr/>
      </p:nvGrpSpPr>
      <p:grpSpPr>
        <a:xfrm>
          <a:off x="0" y="0"/>
          <a:ext cx="0" cy="0"/>
          <a:chOff x="0" y="0"/>
          <a:chExt cx="0" cy="0"/>
        </a:xfrm>
      </p:grpSpPr>
      <p:pic>
        <p:nvPicPr>
          <p:cNvPr id="15" name="Grafik 14">
            <a:extLst>
              <a:ext uri="{FF2B5EF4-FFF2-40B4-BE49-F238E27FC236}">
                <a16:creationId xmlns:a16="http://schemas.microsoft.com/office/drawing/2014/main" id="{C54FAC0C-C871-4558-9287-BA5A93D1C947}"/>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20182" r="45137"/>
          <a:stretch>
            <a:fillRect/>
          </a:stretch>
        </p:blipFill>
        <p:spPr bwMode="gray">
          <a:xfrm>
            <a:off x="1559496" y="1628800"/>
            <a:ext cx="3024336" cy="1800000"/>
          </a:xfrm>
          <a:custGeom>
            <a:avLst/>
            <a:gdLst>
              <a:gd name="connsiteX0" fmla="*/ 0 w 3024336"/>
              <a:gd name="connsiteY0" fmla="*/ 0 h 1800000"/>
              <a:gd name="connsiteX1" fmla="*/ 3024336 w 3024336"/>
              <a:gd name="connsiteY1" fmla="*/ 0 h 1800000"/>
              <a:gd name="connsiteX2" fmla="*/ 3024336 w 3024336"/>
              <a:gd name="connsiteY2" fmla="*/ 288504 h 1800000"/>
              <a:gd name="connsiteX3" fmla="*/ 288032 w 3024336"/>
              <a:gd name="connsiteY3" fmla="*/ 288504 h 1800000"/>
              <a:gd name="connsiteX4" fmla="*/ 288032 w 3024336"/>
              <a:gd name="connsiteY4" fmla="*/ 1800000 h 1800000"/>
              <a:gd name="connsiteX5" fmla="*/ 0 w 3024336"/>
              <a:gd name="connsiteY5" fmla="*/ 1800000 h 18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24336" h="1800000">
                <a:moveTo>
                  <a:pt x="0" y="0"/>
                </a:moveTo>
                <a:lnTo>
                  <a:pt x="3024336" y="0"/>
                </a:lnTo>
                <a:lnTo>
                  <a:pt x="3024336" y="288504"/>
                </a:lnTo>
                <a:lnTo>
                  <a:pt x="288032" y="288504"/>
                </a:lnTo>
                <a:lnTo>
                  <a:pt x="288032" y="1800000"/>
                </a:lnTo>
                <a:lnTo>
                  <a:pt x="0" y="1800000"/>
                </a:lnTo>
                <a:close/>
              </a:path>
            </a:pathLst>
          </a:custGeom>
        </p:spPr>
      </p:pic>
      <p:sp>
        <p:nvSpPr>
          <p:cNvPr id="10" name="Textplatzhalter 7">
            <a:extLst>
              <a:ext uri="{FF2B5EF4-FFF2-40B4-BE49-F238E27FC236}">
                <a16:creationId xmlns:a16="http://schemas.microsoft.com/office/drawing/2014/main" id="{6EEE9BBD-B7D0-216A-5F72-B201D6F62E44}"/>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1" name="Titel 1">
            <a:extLst>
              <a:ext uri="{FF2B5EF4-FFF2-40B4-BE49-F238E27FC236}">
                <a16:creationId xmlns:a16="http://schemas.microsoft.com/office/drawing/2014/main" id="{291D92DC-6E49-4B5B-531D-7D7080D33D38}"/>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3" name="Untertitel 2">
            <a:extLst>
              <a:ext uri="{FF2B5EF4-FFF2-40B4-BE49-F238E27FC236}">
                <a16:creationId xmlns:a16="http://schemas.microsoft.com/office/drawing/2014/main" id="{D7AF0DCE-0698-E14E-B04D-31E9759393DA}"/>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38C10898-9054-F0A7-651B-7B499C23582A}"/>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Inhaltsplatzhalter 2">
            <a:extLst>
              <a:ext uri="{FF2B5EF4-FFF2-40B4-BE49-F238E27FC236}">
                <a16:creationId xmlns:a16="http://schemas.microsoft.com/office/drawing/2014/main" id="{8F9C3942-8764-7C54-A54F-ED98BEB4A3AC}"/>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9231AC4F-A9CB-F84E-DA4A-9EB2CBFF2994}"/>
              </a:ext>
            </a:extLst>
          </p:cNvPr>
          <p:cNvSpPr>
            <a:spLocks noGrp="1"/>
          </p:cNvSpPr>
          <p:nvPr>
            <p:ph type="dt" sz="half" idx="18"/>
          </p:nvPr>
        </p:nvSpPr>
        <p:spPr/>
        <p:txBody>
          <a:bodyPr/>
          <a:lstStyle/>
          <a:p>
            <a:fld id="{2682061F-750C-4A14-9093-5356E4EE424E}" type="datetime1">
              <a:rPr lang="de-CH" smtClean="0"/>
              <a:t>20.10.2022</a:t>
            </a:fld>
            <a:endParaRPr lang="de-CH"/>
          </a:p>
        </p:txBody>
      </p:sp>
      <p:sp>
        <p:nvSpPr>
          <p:cNvPr id="3" name="Footer Placeholder 2">
            <a:extLst>
              <a:ext uri="{FF2B5EF4-FFF2-40B4-BE49-F238E27FC236}">
                <a16:creationId xmlns:a16="http://schemas.microsoft.com/office/drawing/2014/main" id="{DAAC68C0-D463-FA41-A24D-DA691F52E7DA}"/>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D9D1876B-AEFE-9A07-6EDF-75A877B8FD80}"/>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842284886"/>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A896467-8CDD-5955-E022-D1026B6BB462}"/>
              </a:ext>
            </a:extLst>
          </p:cNvPr>
          <p:cNvSpPr>
            <a:spLocks noGrp="1"/>
          </p:cNvSpPr>
          <p:nvPr>
            <p:ph type="dt" sz="half" idx="18"/>
          </p:nvPr>
        </p:nvSpPr>
        <p:spPr/>
        <p:txBody>
          <a:bodyPr/>
          <a:lstStyle/>
          <a:p>
            <a:fld id="{DA9F6F28-C085-4334-BF73-3322389433C2}" type="datetime1">
              <a:rPr lang="de-CH" smtClean="0"/>
              <a:t>20.10.2022</a:t>
            </a:fld>
            <a:endParaRPr lang="de-CH"/>
          </a:p>
        </p:txBody>
      </p:sp>
      <p:sp>
        <p:nvSpPr>
          <p:cNvPr id="3" name="Footer Placeholder 2">
            <a:extLst>
              <a:ext uri="{FF2B5EF4-FFF2-40B4-BE49-F238E27FC236}">
                <a16:creationId xmlns:a16="http://schemas.microsoft.com/office/drawing/2014/main" id="{1AF9269B-1D5B-D99F-0B40-B48CDF8879B8}"/>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49EC44DB-B581-13BA-6D7E-E3354266A6D0}"/>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181860749"/>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pos="5518" userDrawn="1">
          <p15:clr>
            <a:srgbClr val="C35EA4"/>
          </p15:clr>
        </p15:guide>
        <p15:guide id="6" pos="5700" userDrawn="1">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3" name="Date Placeholder 2">
            <a:extLst>
              <a:ext uri="{FF2B5EF4-FFF2-40B4-BE49-F238E27FC236}">
                <a16:creationId xmlns:a16="http://schemas.microsoft.com/office/drawing/2014/main" id="{6C0E64F1-24B5-B50A-A09E-A42828A2E4F2}"/>
              </a:ext>
            </a:extLst>
          </p:cNvPr>
          <p:cNvSpPr>
            <a:spLocks noGrp="1"/>
          </p:cNvSpPr>
          <p:nvPr>
            <p:ph type="dt" sz="half" idx="22"/>
          </p:nvPr>
        </p:nvSpPr>
        <p:spPr/>
        <p:txBody>
          <a:bodyPr/>
          <a:lstStyle/>
          <a:p>
            <a:fld id="{A863A40B-7AB6-4686-914D-2DA365AD613B}" type="datetime1">
              <a:rPr lang="de-CH" smtClean="0"/>
              <a:t>20.10.2022</a:t>
            </a:fld>
            <a:endParaRPr lang="de-CH"/>
          </a:p>
        </p:txBody>
      </p:sp>
      <p:sp>
        <p:nvSpPr>
          <p:cNvPr id="4" name="Footer Placeholder 3">
            <a:extLst>
              <a:ext uri="{FF2B5EF4-FFF2-40B4-BE49-F238E27FC236}">
                <a16:creationId xmlns:a16="http://schemas.microsoft.com/office/drawing/2014/main" id="{63F396F7-E045-30A0-EDC3-BDF39E0FB479}"/>
              </a:ext>
            </a:extLst>
          </p:cNvPr>
          <p:cNvSpPr>
            <a:spLocks noGrp="1"/>
          </p:cNvSpPr>
          <p:nvPr>
            <p:ph type="ftr" sz="quarter" idx="23"/>
          </p:nvPr>
        </p:nvSpPr>
        <p:spPr/>
        <p:txBody>
          <a:bodyPr/>
          <a:lstStyle/>
          <a:p>
            <a:endParaRPr lang="de-CH"/>
          </a:p>
        </p:txBody>
      </p:sp>
      <p:sp>
        <p:nvSpPr>
          <p:cNvPr id="5" name="Slide Number Placeholder 4">
            <a:extLst>
              <a:ext uri="{FF2B5EF4-FFF2-40B4-BE49-F238E27FC236}">
                <a16:creationId xmlns:a16="http://schemas.microsoft.com/office/drawing/2014/main" id="{202F7206-7AA5-5CEF-A63C-030B2DF451E6}"/>
              </a:ext>
            </a:extLst>
          </p:cNvPr>
          <p:cNvSpPr>
            <a:spLocks noGrp="1"/>
          </p:cNvSpPr>
          <p:nvPr>
            <p:ph type="sldNum" sz="quarter" idx="24"/>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53535495"/>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2751" userDrawn="1">
          <p15:clr>
            <a:srgbClr val="C35EA4"/>
          </p15:clr>
        </p15:guide>
        <p15:guide id="6" pos="4929" userDrawn="1">
          <p15:clr>
            <a:srgbClr val="C35EA4"/>
          </p15:clr>
        </p15:guide>
        <p15:guide id="7" orient="horz" pos="2341" userDrawn="1">
          <p15:clr>
            <a:srgbClr val="C35EA4"/>
          </p15:clr>
        </p15:guide>
        <p15:guide id="8" orient="horz" pos="2523" userDrawn="1">
          <p15:clr>
            <a:srgbClr val="C35EA4"/>
          </p15:clr>
        </p15:guide>
        <p15:guide id="9" pos="5110" userDrawn="1">
          <p15:clr>
            <a:srgbClr val="C35EA4"/>
          </p15:clr>
        </p15:guide>
        <p15:guide id="10" pos="2570" userDrawn="1">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solidFill>
                    <a:schemeClr val="bg1"/>
                  </a:solidFill>
                </a:ln>
                <a:no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Text outline in 1st list level, text fill in 2nd list level</a:t>
            </a:r>
            <a:endParaRPr lang="de-CH"/>
          </a:p>
          <a:p>
            <a:pPr lvl="1"/>
            <a:r>
              <a:rPr lang="de-CH" dirty="0"/>
              <a:t>2nd list level</a:t>
            </a:r>
            <a:endParaRPr lang="de-CH"/>
          </a:p>
        </p:txBody>
      </p:sp>
      <p:sp>
        <p:nvSpPr>
          <p:cNvPr id="3" name="Date Placeholder 2">
            <a:extLst>
              <a:ext uri="{FF2B5EF4-FFF2-40B4-BE49-F238E27FC236}">
                <a16:creationId xmlns:a16="http://schemas.microsoft.com/office/drawing/2014/main" id="{CD396895-7F30-ACE6-D525-5F203C3EFE61}"/>
              </a:ext>
            </a:extLst>
          </p:cNvPr>
          <p:cNvSpPr>
            <a:spLocks noGrp="1"/>
          </p:cNvSpPr>
          <p:nvPr>
            <p:ph type="dt" sz="half" idx="20"/>
          </p:nvPr>
        </p:nvSpPr>
        <p:spPr/>
        <p:txBody>
          <a:bodyPr/>
          <a:lstStyle/>
          <a:p>
            <a:fld id="{7CD64DD4-5661-4C48-BECC-E11753962CD6}" type="datetime1">
              <a:rPr lang="de-CH" smtClean="0"/>
              <a:t>20.10.2022</a:t>
            </a:fld>
            <a:endParaRPr lang="de-CH"/>
          </a:p>
        </p:txBody>
      </p:sp>
      <p:sp>
        <p:nvSpPr>
          <p:cNvPr id="4" name="Footer Placeholder 3">
            <a:extLst>
              <a:ext uri="{FF2B5EF4-FFF2-40B4-BE49-F238E27FC236}">
                <a16:creationId xmlns:a16="http://schemas.microsoft.com/office/drawing/2014/main" id="{438F0718-9E8E-9B35-B9C9-D47637EA9FFB}"/>
              </a:ext>
            </a:extLst>
          </p:cNvPr>
          <p:cNvSpPr>
            <a:spLocks noGrp="1"/>
          </p:cNvSpPr>
          <p:nvPr>
            <p:ph type="ftr" sz="quarter" idx="21"/>
          </p:nvPr>
        </p:nvSpPr>
        <p:spPr/>
        <p:txBody>
          <a:bodyPr/>
          <a:lstStyle/>
          <a:p>
            <a:endParaRPr lang="de-CH"/>
          </a:p>
        </p:txBody>
      </p:sp>
      <p:sp>
        <p:nvSpPr>
          <p:cNvPr id="10" name="Slide Number Placeholder 9">
            <a:extLst>
              <a:ext uri="{FF2B5EF4-FFF2-40B4-BE49-F238E27FC236}">
                <a16:creationId xmlns:a16="http://schemas.microsoft.com/office/drawing/2014/main" id="{A22DE2DB-2A38-56EB-C903-7DEF3377550F}"/>
              </a:ext>
            </a:extLst>
          </p:cNvPr>
          <p:cNvSpPr>
            <a:spLocks noGrp="1"/>
          </p:cNvSpPr>
          <p:nvPr>
            <p:ph type="sldNum" sz="quarter" idx="22"/>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622635753"/>
      </p:ext>
    </p:extLst>
  </p:cSld>
  <p:clrMapOvr>
    <a:masterClrMapping/>
  </p:clrMapOvr>
  <p:extLst>
    <p:ext uri="{DCECCB84-F9BA-43D5-87BE-67443E8EF086}">
      <p15:sldGuideLst xmlns:p15="http://schemas.microsoft.com/office/powerpoint/2012/main">
        <p15:guide id="1" pos="393" userDrawn="1">
          <p15:clr>
            <a:srgbClr val="C35EA4"/>
          </p15:clr>
        </p15:guide>
        <p15:guide id="2" orient="horz" pos="346" userDrawn="1">
          <p15:clr>
            <a:srgbClr val="C35EA4"/>
          </p15:clr>
        </p15:guide>
        <p15:guide id="3" orient="horz" pos="3884" userDrawn="1">
          <p15:clr>
            <a:srgbClr val="C35EA4"/>
          </p15:clr>
        </p15:guide>
        <p15:guide id="5" pos="7287" userDrawn="1">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3" name="Date Placeholder 2">
            <a:extLst>
              <a:ext uri="{FF2B5EF4-FFF2-40B4-BE49-F238E27FC236}">
                <a16:creationId xmlns:a16="http://schemas.microsoft.com/office/drawing/2014/main" id="{51900EFF-2D07-ED86-EC13-AA159AF2AD62}"/>
              </a:ext>
            </a:extLst>
          </p:cNvPr>
          <p:cNvSpPr>
            <a:spLocks noGrp="1"/>
          </p:cNvSpPr>
          <p:nvPr>
            <p:ph type="dt" sz="half" idx="18"/>
          </p:nvPr>
        </p:nvSpPr>
        <p:spPr/>
        <p:txBody>
          <a:bodyPr/>
          <a:lstStyle/>
          <a:p>
            <a:fld id="{F330D1EC-0554-40AF-B4E0-5AAA868B91B3}" type="datetime1">
              <a:rPr lang="de-CH" smtClean="0"/>
              <a:t>20.10.2022</a:t>
            </a:fld>
            <a:endParaRPr lang="de-CH"/>
          </a:p>
        </p:txBody>
      </p:sp>
      <p:sp>
        <p:nvSpPr>
          <p:cNvPr id="4" name="Footer Placeholder 3">
            <a:extLst>
              <a:ext uri="{FF2B5EF4-FFF2-40B4-BE49-F238E27FC236}">
                <a16:creationId xmlns:a16="http://schemas.microsoft.com/office/drawing/2014/main" id="{0A18972B-6B5D-57F8-DCA6-60B636D5C18D}"/>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D4F2D9FC-6346-FE36-8DD5-6513515021BB}"/>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227878697"/>
      </p:ext>
    </p:extLst>
  </p:cSld>
  <p:clrMapOvr>
    <a:masterClrMapping/>
  </p:clrMapOvr>
  <p:extLst>
    <p:ext uri="{DCECCB84-F9BA-43D5-87BE-67443E8EF086}">
      <p15:sldGuideLst xmlns:p15="http://schemas.microsoft.com/office/powerpoint/2012/main">
        <p15:guide id="3" pos="7287" userDrawn="1">
          <p15:clr>
            <a:srgbClr val="C35EA4"/>
          </p15:clr>
        </p15:guide>
        <p15:guide id="4" pos="393" userDrawn="1">
          <p15:clr>
            <a:srgbClr val="C35EA4"/>
          </p15:clr>
        </p15:guide>
        <p15:guide id="5" orient="horz" pos="346" userDrawn="1">
          <p15:clr>
            <a:srgbClr val="C35EA4"/>
          </p15:clr>
        </p15:guide>
        <p15:guide id="6" orient="horz" pos="3884" userDrawn="1">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3" name="Date Placeholder 2">
            <a:extLst>
              <a:ext uri="{FF2B5EF4-FFF2-40B4-BE49-F238E27FC236}">
                <a16:creationId xmlns:a16="http://schemas.microsoft.com/office/drawing/2014/main" id="{BE15D75B-4B94-0C7E-9D2C-82D9A801B6B5}"/>
              </a:ext>
            </a:extLst>
          </p:cNvPr>
          <p:cNvSpPr>
            <a:spLocks noGrp="1"/>
          </p:cNvSpPr>
          <p:nvPr>
            <p:ph type="dt" sz="half" idx="18"/>
          </p:nvPr>
        </p:nvSpPr>
        <p:spPr/>
        <p:txBody>
          <a:bodyPr/>
          <a:lstStyle/>
          <a:p>
            <a:fld id="{05E4EF4D-FCF1-4A22-A98E-342774EE5279}" type="datetime1">
              <a:rPr lang="de-CH" smtClean="0"/>
              <a:t>20.10.2022</a:t>
            </a:fld>
            <a:endParaRPr lang="de-CH"/>
          </a:p>
        </p:txBody>
      </p:sp>
      <p:sp>
        <p:nvSpPr>
          <p:cNvPr id="4" name="Footer Placeholder 3">
            <a:extLst>
              <a:ext uri="{FF2B5EF4-FFF2-40B4-BE49-F238E27FC236}">
                <a16:creationId xmlns:a16="http://schemas.microsoft.com/office/drawing/2014/main" id="{0A7101A4-CEB6-1CA7-E681-6A73FC8801C8}"/>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FB66A773-1E1A-85F3-0243-AC027EEB8BBB}"/>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523900727"/>
      </p:ext>
    </p:extLst>
  </p:cSld>
  <p:clrMapOvr>
    <a:masterClrMapping/>
  </p:clrMapOvr>
  <p:extLst>
    <p:ext uri="{DCECCB84-F9BA-43D5-87BE-67443E8EF086}">
      <p15:sldGuideLst xmlns:p15="http://schemas.microsoft.com/office/powerpoint/2012/main">
        <p15:guide id="3" pos="7287" userDrawn="1">
          <p15:clr>
            <a:srgbClr val="C35EA4"/>
          </p15:clr>
        </p15:guide>
        <p15:guide id="4" pos="393" userDrawn="1">
          <p15:clr>
            <a:srgbClr val="C35EA4"/>
          </p15:clr>
        </p15:guide>
        <p15:guide id="5" orient="horz" pos="346" userDrawn="1">
          <p15:clr>
            <a:srgbClr val="C35EA4"/>
          </p15:clr>
        </p15:guide>
        <p15:guide id="6" orient="horz" pos="3884" userDrawn="1">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 name="Date Placeholder 1">
            <a:extLst>
              <a:ext uri="{FF2B5EF4-FFF2-40B4-BE49-F238E27FC236}">
                <a16:creationId xmlns:a16="http://schemas.microsoft.com/office/drawing/2014/main" id="{42CE7B2E-6195-B5AC-4841-7731F38D821B}"/>
              </a:ext>
            </a:extLst>
          </p:cNvPr>
          <p:cNvSpPr>
            <a:spLocks noGrp="1"/>
          </p:cNvSpPr>
          <p:nvPr>
            <p:ph type="dt" sz="half" idx="18"/>
          </p:nvPr>
        </p:nvSpPr>
        <p:spPr/>
        <p:txBody>
          <a:bodyPr/>
          <a:lstStyle/>
          <a:p>
            <a:fld id="{3E1644BE-265C-4875-A62D-DECE5766704C}" type="datetime1">
              <a:rPr lang="de-CH" smtClean="0"/>
              <a:t>20.10.2022</a:t>
            </a:fld>
            <a:endParaRPr lang="de-CH"/>
          </a:p>
        </p:txBody>
      </p:sp>
      <p:sp>
        <p:nvSpPr>
          <p:cNvPr id="4" name="Footer Placeholder 3">
            <a:extLst>
              <a:ext uri="{FF2B5EF4-FFF2-40B4-BE49-F238E27FC236}">
                <a16:creationId xmlns:a16="http://schemas.microsoft.com/office/drawing/2014/main" id="{C2C90AAF-EFD5-3DC1-CBD4-A76C56ACE404}"/>
              </a:ext>
            </a:extLst>
          </p:cNvPr>
          <p:cNvSpPr>
            <a:spLocks noGrp="1"/>
          </p:cNvSpPr>
          <p:nvPr>
            <p:ph type="ftr" sz="quarter" idx="19"/>
          </p:nvPr>
        </p:nvSpPr>
        <p:spPr/>
        <p:txBody>
          <a:bodyPr/>
          <a:lstStyle/>
          <a:p>
            <a:endParaRPr lang="de-CH"/>
          </a:p>
        </p:txBody>
      </p:sp>
      <p:sp>
        <p:nvSpPr>
          <p:cNvPr id="5" name="Slide Number Placeholder 4">
            <a:extLst>
              <a:ext uri="{FF2B5EF4-FFF2-40B4-BE49-F238E27FC236}">
                <a16:creationId xmlns:a16="http://schemas.microsoft.com/office/drawing/2014/main" id="{D0638B03-F99B-9C91-8282-B4972DF2CC1A}"/>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538990565"/>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orient="horz" pos="346" userDrawn="1">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CH" dirty="0"/>
              <a:t> </a:t>
            </a:r>
            <a:endParaRPr lang="de-CH"/>
          </a:p>
        </p:txBody>
      </p:sp>
      <p:sp>
        <p:nvSpPr>
          <p:cNvPr id="3" name="Subtitle" descr="{&quot;templafy&quot;:{&quot;id&quot;:&quot;1f9a3f8a-637d-444f-80ca-883b7bb51641&quot;}}"/>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de-CH" dirty="0"/>
              <a:t>Title of the </a:t>
            </a:r>
            <a:br>
              <a:rPr lang="en-GB" dirty="0"/>
            </a:br>
            <a:r>
              <a:rPr lang="de-CH" dirty="0"/>
              <a:t>presentation</a:t>
            </a:r>
            <a:endParaRPr lang="de-CH"/>
          </a:p>
        </p:txBody>
      </p:sp>
      <p:sp>
        <p:nvSpPr>
          <p:cNvPr id="4" name="Date Placeholder 3">
            <a:extLst>
              <a:ext uri="{FF2B5EF4-FFF2-40B4-BE49-F238E27FC236}">
                <a16:creationId xmlns:a16="http://schemas.microsoft.com/office/drawing/2014/main" id="{44E8C2B5-240F-FB56-40D5-86214806E289}"/>
              </a:ext>
            </a:extLst>
          </p:cNvPr>
          <p:cNvSpPr>
            <a:spLocks noGrp="1"/>
          </p:cNvSpPr>
          <p:nvPr>
            <p:ph type="dt" sz="half" idx="19"/>
          </p:nvPr>
        </p:nvSpPr>
        <p:spPr/>
        <p:txBody>
          <a:bodyPr/>
          <a:lstStyle/>
          <a:p>
            <a:fld id="{3C531DEE-7039-4DDE-B44B-885BEE83EB8D}" type="datetime1">
              <a:rPr lang="de-CH" smtClean="0"/>
              <a:t>20.10.2022</a:t>
            </a:fld>
            <a:endParaRPr lang="de-CH"/>
          </a:p>
        </p:txBody>
      </p:sp>
      <p:sp>
        <p:nvSpPr>
          <p:cNvPr id="5" name="Footer Placeholder 4">
            <a:extLst>
              <a:ext uri="{FF2B5EF4-FFF2-40B4-BE49-F238E27FC236}">
                <a16:creationId xmlns:a16="http://schemas.microsoft.com/office/drawing/2014/main" id="{7A8E28B2-E4F7-B636-67A2-D94B866C4285}"/>
              </a:ext>
            </a:extLst>
          </p:cNvPr>
          <p:cNvSpPr>
            <a:spLocks noGrp="1"/>
          </p:cNvSpPr>
          <p:nvPr>
            <p:ph type="ftr" sz="quarter" idx="20"/>
          </p:nvPr>
        </p:nvSpPr>
        <p:spPr/>
        <p:txBody>
          <a:bodyPr/>
          <a:lstStyle/>
          <a:p>
            <a:endParaRPr lang="de-CH"/>
          </a:p>
        </p:txBody>
      </p:sp>
      <p:sp>
        <p:nvSpPr>
          <p:cNvPr id="6" name="Slide Number Placeholder 5">
            <a:extLst>
              <a:ext uri="{FF2B5EF4-FFF2-40B4-BE49-F238E27FC236}">
                <a16:creationId xmlns:a16="http://schemas.microsoft.com/office/drawing/2014/main" id="{41CF4D93-0945-6D65-D417-FA06B4E66E19}"/>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031695121"/>
      </p:ext>
    </p:extLst>
  </p:cSld>
  <p:clrMapOvr>
    <a:masterClrMapping/>
  </p:clrMapOvr>
  <p:extLst>
    <p:ext uri="{DCECCB84-F9BA-43D5-87BE-67443E8EF086}">
      <p15:sldGuideLst xmlns:p15="http://schemas.microsoft.com/office/powerpoint/2012/main">
        <p15:guide id="1" orient="horz" pos="3884" userDrawn="1">
          <p15:clr>
            <a:srgbClr val="C35EA4"/>
          </p15:clr>
        </p15:guide>
        <p15:guide id="2" orient="horz" pos="346" userDrawn="1">
          <p15:clr>
            <a:srgbClr val="C35EA4"/>
          </p15:clr>
        </p15:guide>
        <p15:guide id="3" pos="393" userDrawn="1">
          <p15:clr>
            <a:srgbClr val="C35EA4"/>
          </p15:clr>
        </p15:guide>
        <p15:guide id="4" pos="7287" userDrawn="1">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B3F8C73B-0FB9-C35E-7157-36A29A15E877}"/>
              </a:ext>
            </a:extLst>
          </p:cNvPr>
          <p:cNvSpPr>
            <a:spLocks noGrp="1"/>
          </p:cNvSpPr>
          <p:nvPr>
            <p:ph type="dt" sz="half" idx="10"/>
          </p:nvPr>
        </p:nvSpPr>
        <p:spPr/>
        <p:txBody>
          <a:bodyPr/>
          <a:lstStyle/>
          <a:p>
            <a:fld id="{673379A2-3F01-412E-A9F3-3938FBC44BEA}" type="datetime1">
              <a:rPr lang="de-CH" smtClean="0"/>
              <a:t>20.10.2022</a:t>
            </a:fld>
            <a:endParaRPr lang="de-CH"/>
          </a:p>
        </p:txBody>
      </p:sp>
      <p:sp>
        <p:nvSpPr>
          <p:cNvPr id="6" name="Footer Placeholder 5">
            <a:extLst>
              <a:ext uri="{FF2B5EF4-FFF2-40B4-BE49-F238E27FC236}">
                <a16:creationId xmlns:a16="http://schemas.microsoft.com/office/drawing/2014/main" id="{B72A608F-F28C-C3A8-F848-9F0410C6AA50}"/>
              </a:ext>
            </a:extLst>
          </p:cNvPr>
          <p:cNvSpPr>
            <a:spLocks noGrp="1"/>
          </p:cNvSpPr>
          <p:nvPr>
            <p:ph type="ftr" sz="quarter" idx="11"/>
          </p:nvPr>
        </p:nvSpPr>
        <p:spPr/>
        <p:txBody>
          <a:bodyPr/>
          <a:lstStyle/>
          <a:p>
            <a:endParaRPr lang="de-CH"/>
          </a:p>
        </p:txBody>
      </p:sp>
      <p:sp>
        <p:nvSpPr>
          <p:cNvPr id="7" name="Slide Number Placeholder 6">
            <a:extLst>
              <a:ext uri="{FF2B5EF4-FFF2-40B4-BE49-F238E27FC236}">
                <a16:creationId xmlns:a16="http://schemas.microsoft.com/office/drawing/2014/main" id="{92F63461-E385-7798-FC20-A43AC335956E}"/>
              </a:ext>
            </a:extLst>
          </p:cNvPr>
          <p:cNvSpPr>
            <a:spLocks noGrp="1"/>
          </p:cNvSpPr>
          <p:nvPr>
            <p:ph type="sldNum" sz="quarter" idx="12"/>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4164875606"/>
      </p:ext>
    </p:extLst>
  </p:cSld>
  <p:clrMapOvr>
    <a:masterClrMapping/>
  </p:clrMapOvr>
  <p:extLst>
    <p:ext uri="{DCECCB84-F9BA-43D5-87BE-67443E8EF086}">
      <p15:sldGuideLst xmlns:p15="http://schemas.microsoft.com/office/powerpoint/2012/main">
        <p15:guide id="1" orient="horz" pos="3884" userDrawn="1">
          <p15:clr>
            <a:srgbClr val="C35EA4"/>
          </p15:clr>
        </p15:guide>
        <p15:guide id="2" orient="horz" pos="346" userDrawn="1">
          <p15:clr>
            <a:srgbClr val="C35EA4"/>
          </p15:clr>
        </p15:guide>
        <p15:guide id="3" pos="393" userDrawn="1">
          <p15:clr>
            <a:srgbClr val="C35EA4"/>
          </p15:clr>
        </p15:guide>
        <p15:guide id="4" pos="7287" userDrawn="1">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One content | gradient">
    <p:spTree>
      <p:nvGrpSpPr>
        <p:cNvPr id="1" name=""/>
        <p:cNvGrpSpPr/>
        <p:nvPr/>
      </p:nvGrpSpPr>
      <p:grpSpPr>
        <a:xfrm>
          <a:off x="0" y="0"/>
          <a:ext cx="0" cy="0"/>
          <a:chOff x="0" y="0"/>
          <a:chExt cx="0" cy="0"/>
        </a:xfrm>
      </p:grpSpPr>
      <p:sp>
        <p:nvSpPr>
          <p:cNvPr id="15" name="Rechteck 14">
            <a:extLst>
              <a:ext uri="{FF2B5EF4-FFF2-40B4-BE49-F238E27FC236}">
                <a16:creationId xmlns:a16="http://schemas.microsoft.com/office/drawing/2014/main" id="{21772525-22CD-4042-886C-E9DBDB7CD00A}"/>
              </a:ext>
              <a:ext uri="{C183D7F6-B498-43B3-948B-1728B52AA6E4}">
                <adec:decorative xmlns:adec="http://schemas.microsoft.com/office/drawing/2017/decorative" val="1"/>
              </a:ext>
            </a:extLst>
          </p:cNvPr>
          <p:cNvSpPr/>
          <p:nvPr userDrawn="1"/>
        </p:nvSpPr>
        <p:spPr bwMode="gray">
          <a:xfrm>
            <a:off x="9048750" y="1628800"/>
            <a:ext cx="3144385" cy="5229200"/>
          </a:xfrm>
          <a:prstGeom prst="rect">
            <a:avLst/>
          </a:prstGeom>
          <a:gradFill flip="none" rotWithShape="1">
            <a:gsLst>
              <a:gs pos="10000">
                <a:schemeClr val="tx2"/>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Strictly Confidential" descr="{&quot;templafy&quot;:{&quot;id&quot;:&quot;740ec0ba-a5b9-46eb-acb4-95fbc9f170e1&quot;}}" hidden="1">
            <a:extLst>
              <a:ext uri="{FF2B5EF4-FFF2-40B4-BE49-F238E27FC236}">
                <a16:creationId xmlns:a16="http://schemas.microsoft.com/office/drawing/2014/main" id="{E02A060C-053E-D862-35FF-299067B3407D}"/>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9" name="Restricted" descr="{&quot;templafy&quot;:{&quot;id&quot;:&quot;4195a84f-82dc-44e5-bd43-2e053bb2d2ab&quot;}}" hidden="1">
            <a:extLst>
              <a:ext uri="{FF2B5EF4-FFF2-40B4-BE49-F238E27FC236}">
                <a16:creationId xmlns:a16="http://schemas.microsoft.com/office/drawing/2014/main" id="{A98BE92A-9755-AE15-B4A4-1FDC0DBC7C86}"/>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0" name="Confidential" descr="{&quot;templafy&quot;:{&quot;id&quot;:&quot;99e837f9-06c3-411d-a4e6-b9142eca53d2&quot;}}" hidden="1">
            <a:extLst>
              <a:ext uri="{FF2B5EF4-FFF2-40B4-BE49-F238E27FC236}">
                <a16:creationId xmlns:a16="http://schemas.microsoft.com/office/drawing/2014/main" id="{81990056-6B89-CFA7-4E7C-45F24B4D7E7B}"/>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3" name="Public" descr="{&quot;templafy&quot;:{&quot;id&quot;:&quot;e811716a-55ae-4ecb-9d2d-90a7ab919265&quot;}}">
            <a:extLst>
              <a:ext uri="{FF2B5EF4-FFF2-40B4-BE49-F238E27FC236}">
                <a16:creationId xmlns:a16="http://schemas.microsoft.com/office/drawing/2014/main" id="{51583ABD-977D-1686-D80C-B218197E49E9}"/>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6" name="Fußzeilenplatzhalter 7" descr="{&quot;templafy&quot;:{&quot;id&quot;:&quot;72d86f09-5db9-4b8b-8928-fa47adac94ce&quot;}}">
            <a:extLst>
              <a:ext uri="{FF2B5EF4-FFF2-40B4-BE49-F238E27FC236}">
                <a16:creationId xmlns:a16="http://schemas.microsoft.com/office/drawing/2014/main" id="{9824D569-5E31-3E7A-5589-F7AD67FD8551}"/>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tx1"/>
                </a:solidFill>
                <a:latin typeface="+mn-lt"/>
              </a:rPr>
              <a:t>© Zühlke</a:t>
            </a:r>
            <a:endParaRPr lang="de-CH"/>
          </a:p>
        </p:txBody>
      </p:sp>
      <p:sp>
        <p:nvSpPr>
          <p:cNvPr id="17" name="Year" descr="{&quot;templafy&quot;:{&quot;id&quot;:&quot;74350099-ec20-468c-a31f-9ff6918b4ada&quot;}}">
            <a:extLst>
              <a:ext uri="{FF2B5EF4-FFF2-40B4-BE49-F238E27FC236}">
                <a16:creationId xmlns:a16="http://schemas.microsoft.com/office/drawing/2014/main" id="{0C0B2FD8-6124-17CD-DE8A-184F47122759}"/>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18" name="Title" descr="{&quot;templafy&quot;:{&quot;id&quot;:&quot;dad55900-d583-4ad8-8ab2-c052870ff0ac&quot;}}" title="UserProfile.Name">
            <a:extLst>
              <a:ext uri="{FF2B5EF4-FFF2-40B4-BE49-F238E27FC236}">
                <a16:creationId xmlns:a16="http://schemas.microsoft.com/office/drawing/2014/main" id="{11D5CA7E-9DD0-F0FD-25DA-21D8C5C6AF8C}"/>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chere Java Applikationen mit Spring Security</a:t>
            </a:r>
          </a:p>
        </p:txBody>
      </p:sp>
      <p:sp>
        <p:nvSpPr>
          <p:cNvPr id="19" name="date" descr="{&quot;templafy&quot;:{&quot;id&quot;:&quot;bfefba76-ae15-4813-867b-c4fde1787074&quot;}}">
            <a:extLst>
              <a:ext uri="{FF2B5EF4-FFF2-40B4-BE49-F238E27FC236}">
                <a16:creationId xmlns:a16="http://schemas.microsoft.com/office/drawing/2014/main" id="{F20FB51F-1B63-2498-DC8C-AF698E750CC1}"/>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bg1"/>
                </a:solidFill>
                <a:latin typeface="AA Zuehlke" pitchFamily="2" charset="0"/>
                <a:ea typeface="+mn-ea"/>
                <a:cs typeface="+mn-cs"/>
              </a:rPr>
              <a:t>20.10.2022</a:t>
            </a:r>
          </a:p>
        </p:txBody>
      </p:sp>
      <p:sp>
        <p:nvSpPr>
          <p:cNvPr id="20" name="Name" descr="{&quot;templafy&quot;:{&quot;id&quot;:&quot;26f49a33-1e38-408a-9e18-3087c0198a89&quot;}}" title="UserProfile.Name">
            <a:extLst>
              <a:ext uri="{FF2B5EF4-FFF2-40B4-BE49-F238E27FC236}">
                <a16:creationId xmlns:a16="http://schemas.microsoft.com/office/drawing/2014/main" id="{2683F7C6-6413-C5A6-CE63-50E1DC91F274}"/>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A4544A3E-057C-7811-3955-9664BDCE261D}"/>
              </a:ext>
            </a:extLst>
          </p:cNvPr>
          <p:cNvSpPr>
            <a:spLocks noGrp="1"/>
          </p:cNvSpPr>
          <p:nvPr>
            <p:ph type="dt" sz="half" idx="18"/>
          </p:nvPr>
        </p:nvSpPr>
        <p:spPr/>
        <p:txBody>
          <a:bodyPr/>
          <a:lstStyle/>
          <a:p>
            <a:fld id="{674AAF8B-7C50-429A-B675-ED803D9B63CE}" type="datetime1">
              <a:rPr lang="de-CH" smtClean="0"/>
              <a:t>20.10.2022</a:t>
            </a:fld>
            <a:endParaRPr lang="de-CH"/>
          </a:p>
        </p:txBody>
      </p:sp>
      <p:sp>
        <p:nvSpPr>
          <p:cNvPr id="3" name="Footer Placeholder 2">
            <a:extLst>
              <a:ext uri="{FF2B5EF4-FFF2-40B4-BE49-F238E27FC236}">
                <a16:creationId xmlns:a16="http://schemas.microsoft.com/office/drawing/2014/main" id="{51FE95A9-66A1-D551-6857-92D3970278A7}"/>
              </a:ext>
            </a:extLst>
          </p:cNvPr>
          <p:cNvSpPr>
            <a:spLocks noGrp="1"/>
          </p:cNvSpPr>
          <p:nvPr>
            <p:ph type="ftr" sz="quarter" idx="19"/>
          </p:nvPr>
        </p:nvSpPr>
        <p:spPr/>
        <p:txBody>
          <a:bodyPr/>
          <a:lstStyle/>
          <a:p>
            <a:endParaRPr lang="de-CH"/>
          </a:p>
        </p:txBody>
      </p:sp>
      <p:sp>
        <p:nvSpPr>
          <p:cNvPr id="4" name="Slide Number Placeholder 3">
            <a:extLst>
              <a:ext uri="{FF2B5EF4-FFF2-40B4-BE49-F238E27FC236}">
                <a16:creationId xmlns:a16="http://schemas.microsoft.com/office/drawing/2014/main" id="{D697E786-CDA6-C183-F953-6D692EEA58E9}"/>
              </a:ext>
            </a:extLst>
          </p:cNvPr>
          <p:cNvSpPr>
            <a:spLocks noGrp="1"/>
          </p:cNvSpPr>
          <p:nvPr>
            <p:ph type="sldNum" sz="quarter" idx="20"/>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755087783"/>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4929" userDrawn="1">
          <p15:clr>
            <a:srgbClr val="C35EA4"/>
          </p15:clr>
        </p15:guide>
        <p15:guide id="6" pos="5881" userDrawn="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sp>
        <p:nvSpPr>
          <p:cNvPr id="9" name="Rechteck 8">
            <a:extLst>
              <a:ext uri="{FF2B5EF4-FFF2-40B4-BE49-F238E27FC236}">
                <a16:creationId xmlns:a16="http://schemas.microsoft.com/office/drawing/2014/main" id="{1A02061F-9C1C-478E-909A-9E6821C07514}"/>
              </a:ext>
              <a:ext uri="{C183D7F6-B498-43B3-948B-1728B52AA6E4}">
                <adec:decorative xmlns:adec="http://schemas.microsoft.com/office/drawing/2017/decorative" val="1"/>
              </a:ext>
            </a:extLst>
          </p:cNvPr>
          <p:cNvSpPr/>
          <p:nvPr userDrawn="1"/>
        </p:nvSpPr>
        <p:spPr bwMode="gray">
          <a:xfrm>
            <a:off x="1415480" y="2205038"/>
            <a:ext cx="10777656" cy="465296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0" name="Fußzeilenplatzhalter 7" descr="{&quot;templafy&quot;:{&quot;id&quot;:&quot;837e29f0-88fd-4cb5-a614-4a21a69fb6bc&quot;}}">
            <a:extLst>
              <a:ext uri="{FF2B5EF4-FFF2-40B4-BE49-F238E27FC236}">
                <a16:creationId xmlns:a16="http://schemas.microsoft.com/office/drawing/2014/main" id="{5B70325F-275A-3794-6623-7711F7F9DD80}"/>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tx1"/>
                </a:solidFill>
                <a:latin typeface="+mn-lt"/>
              </a:rPr>
              <a:t>© Zühlke</a:t>
            </a:r>
            <a:endParaRPr lang="de-CH"/>
          </a:p>
        </p:txBody>
      </p:sp>
      <p:sp>
        <p:nvSpPr>
          <p:cNvPr id="11" name="Year" descr="{&quot;templafy&quot;:{&quot;id&quot;:&quot;4122f672-6db7-4391-acbf-6dc59ff586ff&quot;}}">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12" name="Title" descr="{&quot;templafy&quot;:{&quot;id&quot;:&quot;d39782ff-f4f6-4330-8a1c-f0a8ba4d0686&quot;}}" title="UserProfile.Name">
            <a:extLst>
              <a:ext uri="{FF2B5EF4-FFF2-40B4-BE49-F238E27FC236}">
                <a16:creationId xmlns:a16="http://schemas.microsoft.com/office/drawing/2014/main" id="{923F0AE6-64A0-48D3-2F58-26CEF71B34E0}"/>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chere Java Applikationen mit Spring Security</a:t>
            </a:r>
          </a:p>
        </p:txBody>
      </p:sp>
      <p:sp>
        <p:nvSpPr>
          <p:cNvPr id="13" name="date" descr="{&quot;templafy&quot;:{&quot;id&quot;:&quot;6c633351-97b7-48ed-8fd7-6d324b4360f1&quot;}}">
            <a:extLst>
              <a:ext uri="{FF2B5EF4-FFF2-40B4-BE49-F238E27FC236}">
                <a16:creationId xmlns:a16="http://schemas.microsoft.com/office/drawing/2014/main" id="{0B297783-3573-2902-4B98-10768A4D38EF}"/>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bg1"/>
                </a:solidFill>
                <a:latin typeface="AA Zuehlke" pitchFamily="2" charset="0"/>
                <a:ea typeface="+mn-ea"/>
                <a:cs typeface="+mn-cs"/>
              </a:rPr>
              <a:t>20.10.2022</a:t>
            </a:r>
          </a:p>
        </p:txBody>
      </p:sp>
      <p:sp>
        <p:nvSpPr>
          <p:cNvPr id="14" name="Strictly Confidential" descr="{&quot;templafy&quot;:{&quot;id&quot;:&quot;91d3a083-11c5-4ffe-aafd-d5ee5208d544&quot;}}" hidden="1">
            <a:extLst>
              <a:ext uri="{FF2B5EF4-FFF2-40B4-BE49-F238E27FC236}">
                <a16:creationId xmlns:a16="http://schemas.microsoft.com/office/drawing/2014/main" id="{EB7A1E92-C009-56EC-F987-1EBB6B064052}"/>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2b290c73-132d-4077-ba57-679554632817&quot;}}" hidden="1">
            <a:extLst>
              <a:ext uri="{FF2B5EF4-FFF2-40B4-BE49-F238E27FC236}">
                <a16:creationId xmlns:a16="http://schemas.microsoft.com/office/drawing/2014/main" id="{78304E2C-D76F-2456-8633-314BD726A32B}"/>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3973319f-14a6-452f-9170-652eec3eadd5&quot;}}" hidden="1">
            <a:extLst>
              <a:ext uri="{FF2B5EF4-FFF2-40B4-BE49-F238E27FC236}">
                <a16:creationId xmlns:a16="http://schemas.microsoft.com/office/drawing/2014/main" id="{591C8154-62BF-6BE3-97D9-C7E7789158C8}"/>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4befcc4b-89e1-4f75-ad8f-1bc2963e6339&quot;}}">
            <a:extLst>
              <a:ext uri="{FF2B5EF4-FFF2-40B4-BE49-F238E27FC236}">
                <a16:creationId xmlns:a16="http://schemas.microsoft.com/office/drawing/2014/main" id="{120D845B-9A3F-D30F-FE80-F4F4A749CB5E}"/>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 name="Date Placeholder 1">
            <a:extLst>
              <a:ext uri="{FF2B5EF4-FFF2-40B4-BE49-F238E27FC236}">
                <a16:creationId xmlns:a16="http://schemas.microsoft.com/office/drawing/2014/main" id="{BA97C245-FFE7-A0BA-8335-79C4A7A06809}"/>
              </a:ext>
            </a:extLst>
          </p:cNvPr>
          <p:cNvSpPr>
            <a:spLocks noGrp="1"/>
          </p:cNvSpPr>
          <p:nvPr>
            <p:ph type="dt" sz="half" idx="18"/>
          </p:nvPr>
        </p:nvSpPr>
        <p:spPr/>
        <p:txBody>
          <a:bodyPr/>
          <a:lstStyle/>
          <a:p>
            <a:fld id="{55567B56-7C66-49F7-9006-8C19649F08FA}" type="datetime1">
              <a:rPr lang="de-CH" smtClean="0"/>
              <a:t>20.10.2022</a:t>
            </a:fld>
            <a:endParaRPr lang="de-CH"/>
          </a:p>
        </p:txBody>
      </p:sp>
      <p:sp>
        <p:nvSpPr>
          <p:cNvPr id="3" name="Footer Placeholder 2">
            <a:extLst>
              <a:ext uri="{FF2B5EF4-FFF2-40B4-BE49-F238E27FC236}">
                <a16:creationId xmlns:a16="http://schemas.microsoft.com/office/drawing/2014/main" id="{469A2FC6-0C24-23CF-C943-72756B291A08}"/>
              </a:ext>
            </a:extLst>
          </p:cNvPr>
          <p:cNvSpPr>
            <a:spLocks noGrp="1"/>
          </p:cNvSpPr>
          <p:nvPr>
            <p:ph type="ftr" sz="quarter" idx="19"/>
          </p:nvPr>
        </p:nvSpPr>
        <p:spPr/>
        <p:txBody>
          <a:bodyPr/>
          <a:lstStyle/>
          <a:p>
            <a:endParaRPr lang="de-CH"/>
          </a:p>
        </p:txBody>
      </p:sp>
      <p:sp>
        <p:nvSpPr>
          <p:cNvPr id="4" name="Slide Number Placeholder 3">
            <a:extLst>
              <a:ext uri="{FF2B5EF4-FFF2-40B4-BE49-F238E27FC236}">
                <a16:creationId xmlns:a16="http://schemas.microsoft.com/office/drawing/2014/main" id="{E764A80B-6C02-FEBD-2A52-A660AC396E03}"/>
              </a:ext>
            </a:extLst>
          </p:cNvPr>
          <p:cNvSpPr>
            <a:spLocks noGrp="1"/>
          </p:cNvSpPr>
          <p:nvPr>
            <p:ph type="sldNum" sz="quarter" idx="20"/>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277208104"/>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D68EF19B-1E26-4A9C-AE40-436A823F80CA}"/>
              </a:ext>
              <a:ext uri="{C183D7F6-B498-43B3-948B-1728B52AA6E4}">
                <adec:decorative xmlns:adec="http://schemas.microsoft.com/office/drawing/2017/decorative" val="1"/>
              </a:ext>
            </a:extLst>
          </p:cNvPr>
          <p:cNvSpPr/>
          <p:nvPr userDrawn="1"/>
        </p:nvSpPr>
        <p:spPr bwMode="gray">
          <a:xfrm>
            <a:off x="0" y="0"/>
            <a:ext cx="12193136" cy="6858000"/>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Fußzeilenplatzhalter 7" descr="{&quot;templafy&quot;:{&quot;id&quot;:&quot;a6c35849-69a2-4f9e-83ce-ebf83731e19e&quot;}}">
            <a:extLst>
              <a:ext uri="{FF2B5EF4-FFF2-40B4-BE49-F238E27FC236}">
                <a16:creationId xmlns:a16="http://schemas.microsoft.com/office/drawing/2014/main" id="{3B44619E-8BFC-0059-3F20-F7ED87507133}"/>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
        <p:nvSpPr>
          <p:cNvPr id="9" name="Year" descr="{&quot;templafy&quot;:{&quot;id&quot;:&quot;ca54c70a-5924-498e-91cb-618706535af8&quot;}}">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2</a:t>
            </a:r>
          </a:p>
        </p:txBody>
      </p:sp>
      <p:sp>
        <p:nvSpPr>
          <p:cNvPr id="10" name="Title" descr="{&quot;templafy&quot;:{&quot;id&quot;:&quot;7d324ffc-2a10-45be-8897-71278dc4b98e&quot;}}" title="UserProfile.Name">
            <a:extLst>
              <a:ext uri="{FF2B5EF4-FFF2-40B4-BE49-F238E27FC236}">
                <a16:creationId xmlns:a16="http://schemas.microsoft.com/office/drawing/2014/main" id="{B2EA15A6-21DB-E648-3969-4AB72CF970E3}"/>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chere Java Applikationen mit Spring Security</a:t>
            </a:r>
          </a:p>
        </p:txBody>
      </p:sp>
      <p:sp>
        <p:nvSpPr>
          <p:cNvPr id="11" name="date" descr="{&quot;templafy&quot;:{&quot;id&quot;:&quot;db3fe9e5-0e31-4e1d-bb2e-c5feebff687e&quot;}}">
            <a:extLst>
              <a:ext uri="{FF2B5EF4-FFF2-40B4-BE49-F238E27FC236}">
                <a16:creationId xmlns:a16="http://schemas.microsoft.com/office/drawing/2014/main" id="{E837E1DF-619C-DC4D-9DE3-483718540483}"/>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bg1"/>
                </a:solidFill>
                <a:latin typeface="AA Zuehlke" pitchFamily="2" charset="0"/>
                <a:ea typeface="+mn-ea"/>
                <a:cs typeface="+mn-cs"/>
              </a:rPr>
              <a:t>20.10.2022</a:t>
            </a: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solidFill>
                    <a:schemeClr val="bg1"/>
                  </a:solidFill>
                </a:ln>
                <a:no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Text outline in 1st list level, text fill in 2nd list level</a:t>
            </a:r>
            <a:endParaRPr lang="de-CH"/>
          </a:p>
          <a:p>
            <a:pPr lvl="1"/>
            <a:r>
              <a:rPr lang="de-CH" dirty="0"/>
              <a:t>2nd list level</a:t>
            </a:r>
            <a:endParaRPr lang="de-CH"/>
          </a:p>
        </p:txBody>
      </p:sp>
      <p:sp>
        <p:nvSpPr>
          <p:cNvPr id="2" name="Date Placeholder 1">
            <a:extLst>
              <a:ext uri="{FF2B5EF4-FFF2-40B4-BE49-F238E27FC236}">
                <a16:creationId xmlns:a16="http://schemas.microsoft.com/office/drawing/2014/main" id="{E30AD8D1-F574-F566-C414-DB167693086C}"/>
              </a:ext>
            </a:extLst>
          </p:cNvPr>
          <p:cNvSpPr>
            <a:spLocks noGrp="1"/>
          </p:cNvSpPr>
          <p:nvPr>
            <p:ph type="dt" sz="half" idx="20"/>
          </p:nvPr>
        </p:nvSpPr>
        <p:spPr/>
        <p:txBody>
          <a:bodyPr/>
          <a:lstStyle/>
          <a:p>
            <a:fld id="{7FA2049C-2CBB-4FBB-97AD-7AAE45FC2912}" type="datetime1">
              <a:rPr lang="de-CH" smtClean="0"/>
              <a:t>20.10.2022</a:t>
            </a:fld>
            <a:endParaRPr lang="de-CH"/>
          </a:p>
        </p:txBody>
      </p:sp>
      <p:sp>
        <p:nvSpPr>
          <p:cNvPr id="3" name="Footer Placeholder 2">
            <a:extLst>
              <a:ext uri="{FF2B5EF4-FFF2-40B4-BE49-F238E27FC236}">
                <a16:creationId xmlns:a16="http://schemas.microsoft.com/office/drawing/2014/main" id="{D6F269D7-A0E4-01F7-1211-917CC260EB58}"/>
              </a:ext>
            </a:extLst>
          </p:cNvPr>
          <p:cNvSpPr>
            <a:spLocks noGrp="1"/>
          </p:cNvSpPr>
          <p:nvPr>
            <p:ph type="ftr" sz="quarter" idx="21"/>
          </p:nvPr>
        </p:nvSpPr>
        <p:spPr/>
        <p:txBody>
          <a:bodyPr/>
          <a:lstStyle/>
          <a:p>
            <a:endParaRPr lang="de-CH"/>
          </a:p>
        </p:txBody>
      </p:sp>
      <p:sp>
        <p:nvSpPr>
          <p:cNvPr id="4" name="Slide Number Placeholder 3">
            <a:extLst>
              <a:ext uri="{FF2B5EF4-FFF2-40B4-BE49-F238E27FC236}">
                <a16:creationId xmlns:a16="http://schemas.microsoft.com/office/drawing/2014/main" id="{1E3498BE-B053-F62E-A2CD-AB8AA41B3D65}"/>
              </a:ext>
            </a:extLst>
          </p:cNvPr>
          <p:cNvSpPr>
            <a:spLocks noGrp="1"/>
          </p:cNvSpPr>
          <p:nvPr>
            <p:ph type="sldNum" sz="quarter" idx="22"/>
          </p:nvPr>
        </p:nvSpPr>
        <p:spPr/>
        <p:txBody>
          <a:bodyPr/>
          <a:lstStyle>
            <a:lvl1pPr>
              <a:defRPr>
                <a:solidFill>
                  <a:schemeClr val="bg1"/>
                </a:solidFill>
              </a:defRPr>
            </a:lvl1p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673328579"/>
      </p:ext>
    </p:extLst>
  </p:cSld>
  <p:clrMapOvr>
    <a:masterClrMapping/>
  </p:clrMapOvr>
  <p:extLst>
    <p:ext uri="{DCECCB84-F9BA-43D5-87BE-67443E8EF086}">
      <p15:sldGuideLst xmlns:p15="http://schemas.microsoft.com/office/powerpoint/2012/main">
        <p15:guide id="1" pos="393" userDrawn="1">
          <p15:clr>
            <a:srgbClr val="C35EA4"/>
          </p15:clr>
        </p15:guide>
        <p15:guide id="2" orient="horz" pos="346" userDrawn="1">
          <p15:clr>
            <a:srgbClr val="C35EA4"/>
          </p15:clr>
        </p15:guide>
        <p15:guide id="3" orient="horz" pos="3884" userDrawn="1">
          <p15:clr>
            <a:srgbClr val="C35EA4"/>
          </p15:clr>
        </p15:guide>
        <p15:guide id="5" pos="7287" userDrawn="1">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3" name="Fußzeilenplatzhalter 7" descr="{&quot;templafy&quot;:{&quot;id&quot;:&quot;91b16e27-bf65-4be8-8851-0c581e2c9253&quot;}}">
            <a:extLst>
              <a:ext uri="{FF2B5EF4-FFF2-40B4-BE49-F238E27FC236}">
                <a16:creationId xmlns:a16="http://schemas.microsoft.com/office/drawing/2014/main" id="{C72689CE-450E-10BE-ABFB-11705FCE363D}"/>
              </a:ext>
            </a:extLst>
          </p:cNvPr>
          <p:cNvSpPr txBox="1">
            <a:spLocks/>
          </p:cNvSpPr>
          <p:nvPr userDrawn="1"/>
        </p:nvSpPr>
        <p:spPr bwMode="gray">
          <a:xfrm>
            <a:off x="776288" y="65337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14" name="Year" descr="{&quot;templafy&quot;:{&quot;id&quot;:&quot;137d11e6-7151-4986-a2e9-18f984bd4ece&quot;}}">
            <a:extLst>
              <a:ext uri="{FF2B5EF4-FFF2-40B4-BE49-F238E27FC236}">
                <a16:creationId xmlns:a16="http://schemas.microsoft.com/office/drawing/2014/main" id="{3D768EEE-7FA1-1229-B3B5-FB3B29742F8B}"/>
              </a:ext>
            </a:extLst>
          </p:cNvPr>
          <p:cNvSpPr txBox="1">
            <a:spLocks/>
          </p:cNvSpPr>
          <p:nvPr userDrawn="1">
            <p:custDataLst>
              <p:tags r:id="rId1"/>
            </p:custDataLst>
          </p:nvPr>
        </p:nvSpPr>
        <p:spPr>
          <a:xfrm>
            <a:off x="1243522" y="65242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15" name="Rechteck 21">
            <a:extLst>
              <a:ext uri="{FF2B5EF4-FFF2-40B4-BE49-F238E27FC236}">
                <a16:creationId xmlns:a16="http://schemas.microsoft.com/office/drawing/2014/main" id="{178A15EF-ECD6-8329-C9B0-46F6AC105997}"/>
              </a:ext>
              <a:ext uri="{C183D7F6-B498-43B3-948B-1728B52AA6E4}">
                <adec:decorative xmlns:adec="http://schemas.microsoft.com/office/drawing/2017/decorative" val="1"/>
              </a:ext>
            </a:extLst>
          </p:cNvPr>
          <p:cNvSpPr/>
          <p:nvPr userDrawn="1"/>
        </p:nvSpPr>
        <p:spPr bwMode="gray">
          <a:xfrm>
            <a:off x="0" y="0"/>
            <a:ext cx="5951538" cy="479715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solidFill>
                    <a:schemeClr val="bg1"/>
                  </a:solidFill>
                </a:ln>
                <a:no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lvl="0"/>
            <a:r>
              <a:rPr lang="de-CH" dirty="0"/>
              <a:t>Text outline in 1st list level, text fill in 2nd list level</a:t>
            </a:r>
            <a:endParaRPr lang="de-CH"/>
          </a:p>
          <a:p>
            <a:pPr lvl="1"/>
            <a:r>
              <a:rPr lang="de-CH" dirty="0"/>
              <a:t>2nd list level</a:t>
            </a:r>
            <a:endParaRPr lang="de-CH"/>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de-CH" dirty="0"/>
              <a:t>Name and Surname </a:t>
            </a:r>
            <a:endParaRPr lang="de-CH"/>
          </a:p>
          <a:p>
            <a:pPr lvl="1"/>
            <a:r>
              <a:rPr lang="de-CH" dirty="0"/>
              <a:t>Position</a:t>
            </a:r>
            <a:endParaRPr lang="de-CH"/>
          </a:p>
          <a:p>
            <a:pPr lvl="2"/>
            <a:r>
              <a:rPr lang="de-CH" dirty="0"/>
              <a:t>Contact details</a:t>
            </a:r>
            <a:endParaRPr lang="de-CH"/>
          </a:p>
        </p:txBody>
      </p:sp>
      <p:sp>
        <p:nvSpPr>
          <p:cNvPr id="4" name="Date Placeholder 3">
            <a:extLst>
              <a:ext uri="{FF2B5EF4-FFF2-40B4-BE49-F238E27FC236}">
                <a16:creationId xmlns:a16="http://schemas.microsoft.com/office/drawing/2014/main" id="{CE79B167-205A-513D-0662-BDCCF4AA0238}"/>
              </a:ext>
            </a:extLst>
          </p:cNvPr>
          <p:cNvSpPr>
            <a:spLocks noGrp="1"/>
          </p:cNvSpPr>
          <p:nvPr>
            <p:ph type="dt" sz="half" idx="20"/>
          </p:nvPr>
        </p:nvSpPr>
        <p:spPr/>
        <p:txBody>
          <a:bodyPr/>
          <a:lstStyle/>
          <a:p>
            <a:fld id="{E0DB3DAD-DD0E-4CC4-929D-703E06D39F9D}" type="datetime1">
              <a:rPr lang="de-CH" smtClean="0"/>
              <a:t>20.10.2022</a:t>
            </a:fld>
            <a:endParaRPr lang="de-CH"/>
          </a:p>
        </p:txBody>
      </p:sp>
      <p:sp>
        <p:nvSpPr>
          <p:cNvPr id="5" name="Footer Placeholder 4">
            <a:extLst>
              <a:ext uri="{FF2B5EF4-FFF2-40B4-BE49-F238E27FC236}">
                <a16:creationId xmlns:a16="http://schemas.microsoft.com/office/drawing/2014/main" id="{061EB5C7-8EFB-0DD0-1DD1-D9F80EEF2F02}"/>
              </a:ext>
            </a:extLst>
          </p:cNvPr>
          <p:cNvSpPr>
            <a:spLocks noGrp="1"/>
          </p:cNvSpPr>
          <p:nvPr>
            <p:ph type="ftr" sz="quarter" idx="21"/>
          </p:nvPr>
        </p:nvSpPr>
        <p:spPr/>
        <p:txBody>
          <a:bodyPr/>
          <a:lstStyle/>
          <a:p>
            <a:endParaRPr lang="de-CH"/>
          </a:p>
        </p:txBody>
      </p:sp>
      <p:sp>
        <p:nvSpPr>
          <p:cNvPr id="6" name="Slide Number Placeholder 5">
            <a:extLst>
              <a:ext uri="{FF2B5EF4-FFF2-40B4-BE49-F238E27FC236}">
                <a16:creationId xmlns:a16="http://schemas.microsoft.com/office/drawing/2014/main" id="{5423617B-C64F-CB72-9F15-492376F0F690}"/>
              </a:ext>
            </a:extLst>
          </p:cNvPr>
          <p:cNvSpPr>
            <a:spLocks noGrp="1"/>
          </p:cNvSpPr>
          <p:nvPr>
            <p:ph type="sldNum" sz="quarter" idx="22"/>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4944160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userDrawn="1">
          <p15:clr>
            <a:srgbClr val="C35EA4"/>
          </p15:clr>
        </p15:guide>
        <p15:guide id="2" pos="7287" userDrawn="1">
          <p15:clr>
            <a:srgbClr val="C35EA4"/>
          </p15:clr>
        </p15:guide>
        <p15:guide id="3" orient="horz" pos="3884" userDrawn="1">
          <p15:clr>
            <a:srgbClr val="C35EA4"/>
          </p15:clr>
        </p15:guide>
        <p15:guide id="4" orient="horz" pos="346" userDrawn="1">
          <p15:clr>
            <a:srgbClr val="C35EA4"/>
          </p15:clr>
        </p15:guide>
        <p15:guide id="5" pos="393" userDrawn="1">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3888928"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2" name="Title" descr="{&quot;templafy&quot;:{&quot;id&quot;:&quot;20a3f25d-48a9-42ed-89fe-024e6b54a13a&quot;}}">
            <a:extLst>
              <a:ext uri="{FF2B5EF4-FFF2-40B4-BE49-F238E27FC236}">
                <a16:creationId xmlns:a16="http://schemas.microsoft.com/office/drawing/2014/main" id="{24804BCE-D695-2D40-FEB4-3A21E91998C3}"/>
              </a:ext>
            </a:extLst>
          </p:cNvPr>
          <p:cNvSpPr/>
          <p:nvPr userDrawn="1"/>
        </p:nvSpPr>
        <p:spPr bwMode="gray">
          <a:xfrm>
            <a:off x="7180319" y="2636912"/>
            <a:ext cx="4099633" cy="1800199"/>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3600" b="0" i="0" u="none" strike="noStrike" kern="1200" cap="none" spc="20" normalizeH="0" baseline="0" noProof="0" dirty="0">
                <a:ln>
                  <a:noFill/>
                </a:ln>
                <a:solidFill>
                  <a:srgbClr val="4D4D4D"/>
                </a:solidFill>
                <a:effectLst/>
                <a:uLnTx/>
                <a:uFillTx/>
                <a:latin typeface="AA Zuehlke"/>
                <a:ea typeface="+mn-ea"/>
                <a:cs typeface="+mn-cs"/>
              </a:rPr>
              <a:t>Sichere Java Applikationen mit Spring Security</a:t>
            </a:r>
          </a:p>
        </p:txBody>
      </p:sp>
      <p:sp>
        <p:nvSpPr>
          <p:cNvPr id="13" name="Subtitle" descr="{&quot;templafy&quot;:{&quot;id&quot;:&quot;f750e883-fd73-4206-ac08-8433fec602db&quot;}}">
            <a:extLst>
              <a:ext uri="{FF2B5EF4-FFF2-40B4-BE49-F238E27FC236}">
                <a16:creationId xmlns:a16="http://schemas.microsoft.com/office/drawing/2014/main" id="{55328B23-AFB2-3D6B-E577-9E3D4F984124}"/>
              </a:ext>
            </a:extLst>
          </p:cNvPr>
          <p:cNvSpPr/>
          <p:nvPr userDrawn="1"/>
        </p:nvSpPr>
        <p:spPr bwMode="gray">
          <a:xfrm>
            <a:off x="7179295" y="4646786"/>
            <a:ext cx="4381445" cy="41076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2000" b="0" i="0" u="none" strike="noStrike" kern="1200" cap="none" spc="20" normalizeH="0" baseline="0" noProof="0" dirty="0">
                <a:ln>
                  <a:noFill/>
                </a:ln>
                <a:solidFill>
                  <a:srgbClr val="4D4D4D"/>
                </a:solidFill>
                <a:effectLst/>
                <a:uLnTx/>
                <a:uFillTx/>
                <a:latin typeface="+mn-lt"/>
                <a:ea typeface="+mn-ea"/>
                <a:cs typeface="+mn-cs"/>
              </a:rPr>
              <a:t>BaselOne22</a:t>
            </a:r>
          </a:p>
        </p:txBody>
      </p:sp>
      <p:sp>
        <p:nvSpPr>
          <p:cNvPr id="15" name="Strictly Confidential" descr="{&quot;templafy&quot;:{&quot;id&quot;:&quot;e92a9162-da88-47f4-9f93-f085db4b2687&quot;}}" hidden="1">
            <a:extLst>
              <a:ext uri="{FF2B5EF4-FFF2-40B4-BE49-F238E27FC236}">
                <a16:creationId xmlns:a16="http://schemas.microsoft.com/office/drawing/2014/main" id="{C6606F6C-3DBD-CA47-F135-B3D39D613F5C}"/>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19b2a432-05a1-4450-a2a1-f4e129c63252&quot;}}" hidden="1">
            <a:extLst>
              <a:ext uri="{FF2B5EF4-FFF2-40B4-BE49-F238E27FC236}">
                <a16:creationId xmlns:a16="http://schemas.microsoft.com/office/drawing/2014/main" id="{47855D95-75E2-B652-4C23-1E40E9EBC676}"/>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72ef224f-6656-4ef4-82e4-431164b54f22&quot;}}" hidden="1">
            <a:extLst>
              <a:ext uri="{FF2B5EF4-FFF2-40B4-BE49-F238E27FC236}">
                <a16:creationId xmlns:a16="http://schemas.microsoft.com/office/drawing/2014/main" id="{A2AEBE57-64BB-7F9A-2474-6F715A4BE2D0}"/>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78e0f95e-193b-447f-ab51-58eec91216c7&quot;}}">
            <a:extLst>
              <a:ext uri="{FF2B5EF4-FFF2-40B4-BE49-F238E27FC236}">
                <a16:creationId xmlns:a16="http://schemas.microsoft.com/office/drawing/2014/main" id="{05AE037A-D980-59A9-69B8-1E18685AC95F}"/>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5" name="Date Placeholder 4">
            <a:extLst>
              <a:ext uri="{FF2B5EF4-FFF2-40B4-BE49-F238E27FC236}">
                <a16:creationId xmlns:a16="http://schemas.microsoft.com/office/drawing/2014/main" id="{2D677C4A-158A-EEA3-FCC3-054976FBC658}"/>
              </a:ext>
            </a:extLst>
          </p:cNvPr>
          <p:cNvSpPr>
            <a:spLocks noGrp="1"/>
          </p:cNvSpPr>
          <p:nvPr>
            <p:ph type="dt" sz="half" idx="16"/>
          </p:nvPr>
        </p:nvSpPr>
        <p:spPr/>
        <p:txBody>
          <a:bodyPr/>
          <a:lstStyle/>
          <a:p>
            <a:fld id="{B39A1271-19FD-475A-B3B4-BA92018FD132}" type="datetime1">
              <a:rPr lang="de-CH" smtClean="0"/>
              <a:t>20.10.2022</a:t>
            </a:fld>
            <a:endParaRPr lang="de-CH"/>
          </a:p>
        </p:txBody>
      </p:sp>
      <p:sp>
        <p:nvSpPr>
          <p:cNvPr id="6" name="Footer Placeholder 5">
            <a:extLst>
              <a:ext uri="{FF2B5EF4-FFF2-40B4-BE49-F238E27FC236}">
                <a16:creationId xmlns:a16="http://schemas.microsoft.com/office/drawing/2014/main" id="{D0A7C3D6-2B3E-16E2-E0AE-0932162F50D4}"/>
              </a:ext>
            </a:extLst>
          </p:cNvPr>
          <p:cNvSpPr>
            <a:spLocks noGrp="1"/>
          </p:cNvSpPr>
          <p:nvPr>
            <p:ph type="ftr" sz="quarter" idx="17"/>
          </p:nvPr>
        </p:nvSpPr>
        <p:spPr/>
        <p:txBody>
          <a:bodyPr/>
          <a:lstStyle/>
          <a:p>
            <a:endParaRPr lang="de-CH"/>
          </a:p>
        </p:txBody>
      </p:sp>
      <p:sp>
        <p:nvSpPr>
          <p:cNvPr id="7" name="Slide Number Placeholder 6">
            <a:extLst>
              <a:ext uri="{FF2B5EF4-FFF2-40B4-BE49-F238E27FC236}">
                <a16:creationId xmlns:a16="http://schemas.microsoft.com/office/drawing/2014/main" id="{14C5535B-619E-7DFF-3614-9027A1C3683C}"/>
              </a:ext>
            </a:extLst>
          </p:cNvPr>
          <p:cNvSpPr>
            <a:spLocks noGrp="1"/>
          </p:cNvSpPr>
          <p:nvPr>
            <p:ph type="sldNum" sz="quarter" idx="18"/>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387091362"/>
      </p:ext>
    </p:extLst>
  </p:cSld>
  <p:clrMapOvr>
    <a:masterClrMapping/>
  </p:clrMapOvr>
  <p:extLst>
    <p:ext uri="{DCECCB84-F9BA-43D5-87BE-67443E8EF086}">
      <p15:sldGuideLst xmlns:p15="http://schemas.microsoft.com/office/powerpoint/2012/main">
        <p15:guide id="1" pos="4520" userDrawn="1">
          <p15:clr>
            <a:srgbClr val="C35EA4"/>
          </p15:clr>
        </p15:guide>
        <p15:guide id="2" pos="7287" userDrawn="1">
          <p15:clr>
            <a:srgbClr val="C35EA4"/>
          </p15:clr>
        </p15:guide>
        <p15:guide id="3" orient="horz" pos="3884" userDrawn="1">
          <p15:clr>
            <a:srgbClr val="C35EA4"/>
          </p15:clr>
        </p15:guide>
        <p15:guide id="4" orient="horz" pos="1616" userDrawn="1">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6" name="Title" descr="{&quot;templafy&quot;:{&quot;id&quot;:&quot;ae16680a-ad3f-4857-865f-5de7cc8dd42d&quot;}}">
            <a:extLst>
              <a:ext uri="{FF2B5EF4-FFF2-40B4-BE49-F238E27FC236}">
                <a16:creationId xmlns:a16="http://schemas.microsoft.com/office/drawing/2014/main" id="{20F2383E-0DB5-C2DD-1058-CA14E97C826E}"/>
              </a:ext>
            </a:extLst>
          </p:cNvPr>
          <p:cNvSpPr/>
          <p:nvPr userDrawn="1"/>
        </p:nvSpPr>
        <p:spPr bwMode="gray">
          <a:xfrm>
            <a:off x="8111747" y="2635298"/>
            <a:ext cx="3455970" cy="1800199"/>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3600" b="0" i="0" u="none" strike="noStrike" kern="1200" cap="none" spc="20" normalizeH="0" baseline="0" noProof="0" dirty="0">
                <a:ln>
                  <a:noFill/>
                </a:ln>
                <a:solidFill>
                  <a:srgbClr val="4D4D4D"/>
                </a:solidFill>
                <a:effectLst/>
                <a:uLnTx/>
                <a:uFillTx/>
                <a:latin typeface="AA Zuehlke"/>
                <a:ea typeface="+mn-ea"/>
                <a:cs typeface="+mn-cs"/>
              </a:rPr>
              <a:t>Sichere Java Applikationen mit Spring Security</a:t>
            </a:r>
          </a:p>
        </p:txBody>
      </p:sp>
      <p:sp>
        <p:nvSpPr>
          <p:cNvPr id="17" name="Subtitle" descr="{&quot;templafy&quot;:{&quot;id&quot;:&quot;cd98cee6-33a4-4fc1-b060-b970f1112162&quot;}}">
            <a:extLst>
              <a:ext uri="{FF2B5EF4-FFF2-40B4-BE49-F238E27FC236}">
                <a16:creationId xmlns:a16="http://schemas.microsoft.com/office/drawing/2014/main" id="{561AE1B7-DA07-9D1B-DF48-1F7465D15EB1}"/>
              </a:ext>
            </a:extLst>
          </p:cNvPr>
          <p:cNvSpPr/>
          <p:nvPr userDrawn="1"/>
        </p:nvSpPr>
        <p:spPr bwMode="gray">
          <a:xfrm>
            <a:off x="8109053" y="4645137"/>
            <a:ext cx="3455971" cy="41076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marL="0" marR="0" lvl="0" indent="0" algn="l" defTabSz="914400" rtl="0" eaLnBrk="1" fontAlgn="auto" latinLnBrk="0" hangingPunct="1">
              <a:lnSpc>
                <a:spcPct val="105000"/>
              </a:lnSpc>
              <a:spcBef>
                <a:spcPts val="0"/>
              </a:spcBef>
              <a:spcAft>
                <a:spcPts val="0"/>
              </a:spcAft>
              <a:buClrTx/>
              <a:buSzTx/>
              <a:buFontTx/>
              <a:buNone/>
              <a:tabLst/>
              <a:defRPr/>
            </a:pPr>
            <a:r>
              <a:rPr kumimoji="0" lang="de-CH" sz="2000" b="0" i="0" u="none" strike="noStrike" kern="1200" cap="none" spc="20" normalizeH="0" baseline="0" noProof="0" dirty="0">
                <a:ln>
                  <a:noFill/>
                </a:ln>
                <a:solidFill>
                  <a:srgbClr val="4D4D4D"/>
                </a:solidFill>
                <a:effectLst/>
                <a:uLnTx/>
                <a:uFillTx/>
                <a:latin typeface="+mn-lt"/>
                <a:ea typeface="+mn-ea"/>
                <a:cs typeface="+mn-cs"/>
              </a:rPr>
              <a:t>BaselOne22</a:t>
            </a:r>
          </a:p>
        </p:txBody>
      </p:sp>
      <p:sp>
        <p:nvSpPr>
          <p:cNvPr id="19" name="Strictly Confidential" descr="{&quot;templafy&quot;:{&quot;id&quot;:&quot;921a2e29-f455-45c3-9751-739cff5665e0&quot;}}" hidden="1">
            <a:extLst>
              <a:ext uri="{FF2B5EF4-FFF2-40B4-BE49-F238E27FC236}">
                <a16:creationId xmlns:a16="http://schemas.microsoft.com/office/drawing/2014/main" id="{0A1D6E7A-A09E-2C6A-5B99-74A97CC81479}"/>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20" name="Restricted" descr="{&quot;templafy&quot;:{&quot;id&quot;:&quot;5d541a6a-4580-4799-83b8-1927bd12f7ea&quot;}}" hidden="1">
            <a:extLst>
              <a:ext uri="{FF2B5EF4-FFF2-40B4-BE49-F238E27FC236}">
                <a16:creationId xmlns:a16="http://schemas.microsoft.com/office/drawing/2014/main" id="{5A783CE9-BCB9-F844-AB8D-7B7A763CC446}"/>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21" name="Confidential" descr="{&quot;templafy&quot;:{&quot;id&quot;:&quot;555c1a49-cc4b-41da-ba36-17d890dd41c2&quot;}}" hidden="1">
            <a:extLst>
              <a:ext uri="{FF2B5EF4-FFF2-40B4-BE49-F238E27FC236}">
                <a16:creationId xmlns:a16="http://schemas.microsoft.com/office/drawing/2014/main" id="{61D7DB85-DC0E-911C-AFC0-A00FE9FB4218}"/>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22" name="Public" descr="{&quot;templafy&quot;:{&quot;id&quot;:&quot;889786bc-a2fb-4fb2-88db-09b4d2355793&quot;}}">
            <a:extLst>
              <a:ext uri="{FF2B5EF4-FFF2-40B4-BE49-F238E27FC236}">
                <a16:creationId xmlns:a16="http://schemas.microsoft.com/office/drawing/2014/main" id="{FBC4D1F0-0B8C-F5F7-35AE-8CBBE25F01E4}"/>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3" name="Date Placeholder 2">
            <a:extLst>
              <a:ext uri="{FF2B5EF4-FFF2-40B4-BE49-F238E27FC236}">
                <a16:creationId xmlns:a16="http://schemas.microsoft.com/office/drawing/2014/main" id="{25CAE4B3-9BEC-3808-B9D2-052F1DEC609E}"/>
              </a:ext>
            </a:extLst>
          </p:cNvPr>
          <p:cNvSpPr>
            <a:spLocks noGrp="1"/>
          </p:cNvSpPr>
          <p:nvPr>
            <p:ph type="dt" sz="half" idx="16"/>
          </p:nvPr>
        </p:nvSpPr>
        <p:spPr/>
        <p:txBody>
          <a:bodyPr/>
          <a:lstStyle/>
          <a:p>
            <a:fld id="{B585C50B-0B78-42FB-A51D-B419185071D4}" type="datetime1">
              <a:rPr lang="de-CH" smtClean="0"/>
              <a:t>20.10.2022</a:t>
            </a:fld>
            <a:endParaRPr lang="de-CH"/>
          </a:p>
        </p:txBody>
      </p:sp>
      <p:sp>
        <p:nvSpPr>
          <p:cNvPr id="5" name="Footer Placeholder 4">
            <a:extLst>
              <a:ext uri="{FF2B5EF4-FFF2-40B4-BE49-F238E27FC236}">
                <a16:creationId xmlns:a16="http://schemas.microsoft.com/office/drawing/2014/main" id="{6BEE50B0-D99A-5161-81B4-7B5ACC6DF320}"/>
              </a:ext>
            </a:extLst>
          </p:cNvPr>
          <p:cNvSpPr>
            <a:spLocks noGrp="1"/>
          </p:cNvSpPr>
          <p:nvPr>
            <p:ph type="ftr" sz="quarter" idx="17"/>
          </p:nvPr>
        </p:nvSpPr>
        <p:spPr/>
        <p:txBody>
          <a:bodyPr/>
          <a:lstStyle/>
          <a:p>
            <a:endParaRPr lang="de-CH"/>
          </a:p>
        </p:txBody>
      </p:sp>
      <p:sp>
        <p:nvSpPr>
          <p:cNvPr id="6" name="Slide Number Placeholder 5">
            <a:extLst>
              <a:ext uri="{FF2B5EF4-FFF2-40B4-BE49-F238E27FC236}">
                <a16:creationId xmlns:a16="http://schemas.microsoft.com/office/drawing/2014/main" id="{47D3C3F1-A2F7-60D4-B859-4EA14DAA88C9}"/>
              </a:ext>
            </a:extLst>
          </p:cNvPr>
          <p:cNvSpPr>
            <a:spLocks noGrp="1"/>
          </p:cNvSpPr>
          <p:nvPr>
            <p:ph type="sldNum" sz="quarter" idx="18"/>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811794794"/>
      </p:ext>
    </p:extLst>
  </p:cSld>
  <p:clrMapOvr>
    <a:masterClrMapping/>
  </p:clrMapOvr>
  <p:extLst>
    <p:ext uri="{DCECCB84-F9BA-43D5-87BE-67443E8EF086}">
      <p15:sldGuideLst xmlns:p15="http://schemas.microsoft.com/office/powerpoint/2012/main">
        <p15:guide id="1" pos="5110" userDrawn="1">
          <p15:clr>
            <a:srgbClr val="C35EA4"/>
          </p15:clr>
        </p15:guide>
        <p15:guide id="2" pos="7287" userDrawn="1">
          <p15:clr>
            <a:srgbClr val="C35EA4"/>
          </p15:clr>
        </p15:guide>
        <p15:guide id="3" orient="horz" pos="3884" userDrawn="1">
          <p15:clr>
            <a:srgbClr val="C35EA4"/>
          </p15:clr>
        </p15:guide>
        <p15:guide id="4" orient="horz" pos="1344" userDrawn="1">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CH" dirty="0"/>
              <a:t>00</a:t>
            </a:r>
            <a:endParaRPr lang="de-CH"/>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de-CH" dirty="0"/>
              <a:t>Name of the </a:t>
            </a:r>
            <a:br>
              <a:rPr lang="en-GB" dirty="0"/>
            </a:br>
            <a:r>
              <a:rPr lang="de-CH" dirty="0"/>
              <a:t>current chapter</a:t>
            </a:r>
            <a:endParaRPr lang="de-CH"/>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de-CH" dirty="0"/>
              <a:t>Optional short description</a:t>
            </a:r>
            <a:endParaRPr lang="de-CH"/>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6" name="Date Placeholder 5">
            <a:extLst>
              <a:ext uri="{FF2B5EF4-FFF2-40B4-BE49-F238E27FC236}">
                <a16:creationId xmlns:a16="http://schemas.microsoft.com/office/drawing/2014/main" id="{535B67EF-6856-8417-4B45-0607F20274B9}"/>
              </a:ext>
            </a:extLst>
          </p:cNvPr>
          <p:cNvSpPr>
            <a:spLocks noGrp="1"/>
          </p:cNvSpPr>
          <p:nvPr>
            <p:ph type="dt" sz="half" idx="19"/>
          </p:nvPr>
        </p:nvSpPr>
        <p:spPr/>
        <p:txBody>
          <a:bodyPr/>
          <a:lstStyle/>
          <a:p>
            <a:fld id="{0EDFE9A9-703F-4954-8606-0CA852E2E4C7}" type="datetime1">
              <a:rPr lang="de-CH" smtClean="0"/>
              <a:t>20.10.2022</a:t>
            </a:fld>
            <a:endParaRPr lang="de-CH"/>
          </a:p>
        </p:txBody>
      </p:sp>
      <p:sp>
        <p:nvSpPr>
          <p:cNvPr id="7" name="Footer Placeholder 6">
            <a:extLst>
              <a:ext uri="{FF2B5EF4-FFF2-40B4-BE49-F238E27FC236}">
                <a16:creationId xmlns:a16="http://schemas.microsoft.com/office/drawing/2014/main" id="{5237AA7F-FE4F-086B-4B3D-133DE7E3601E}"/>
              </a:ext>
            </a:extLst>
          </p:cNvPr>
          <p:cNvSpPr>
            <a:spLocks noGrp="1"/>
          </p:cNvSpPr>
          <p:nvPr>
            <p:ph type="ftr" sz="quarter" idx="20"/>
          </p:nvPr>
        </p:nvSpPr>
        <p:spPr/>
        <p:txBody>
          <a:bodyPr/>
          <a:lstStyle/>
          <a:p>
            <a:endParaRPr lang="de-CH"/>
          </a:p>
        </p:txBody>
      </p:sp>
      <p:sp>
        <p:nvSpPr>
          <p:cNvPr id="8" name="Slide Number Placeholder 7">
            <a:extLst>
              <a:ext uri="{FF2B5EF4-FFF2-40B4-BE49-F238E27FC236}">
                <a16:creationId xmlns:a16="http://schemas.microsoft.com/office/drawing/2014/main" id="{3F02E782-A732-C6C5-63D0-489DBD2EA858}"/>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8644538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userDrawn="1">
          <p15:clr>
            <a:srgbClr val="C35EA4"/>
          </p15:clr>
        </p15:guide>
        <p15:guide id="2" pos="7287" userDrawn="1">
          <p15:clr>
            <a:srgbClr val="C35EA4"/>
          </p15:clr>
        </p15:guide>
        <p15:guide id="3" orient="horz" pos="3884" userDrawn="1">
          <p15:clr>
            <a:srgbClr val="C35EA4"/>
          </p15:clr>
        </p15:guide>
        <p15:guide id="4" orient="horz" pos="1979" userDrawn="1">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de-CH" dirty="0"/>
              <a:t>Click to add title</a:t>
            </a:r>
            <a:endParaRPr lang="de-CH"/>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098ED5D7-F6B9-126B-939C-2A3AFEBF6EDE}"/>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13" name="Footer Placeholder 12">
            <a:extLst>
              <a:ext uri="{FF2B5EF4-FFF2-40B4-BE49-F238E27FC236}">
                <a16:creationId xmlns:a16="http://schemas.microsoft.com/office/drawing/2014/main" id="{DC4D8F4D-B346-A779-DD12-40F8B0D73BCA}"/>
              </a:ext>
            </a:extLst>
          </p:cNvPr>
          <p:cNvSpPr>
            <a:spLocks noGrp="1"/>
          </p:cNvSpPr>
          <p:nvPr>
            <p:ph type="ftr" sz="quarter" idx="19"/>
          </p:nvPr>
        </p:nvSpPr>
        <p:spPr/>
        <p:txBody>
          <a:bodyPr/>
          <a:lstStyle/>
          <a:p>
            <a:endParaRPr lang="de-CH"/>
          </a:p>
        </p:txBody>
      </p:sp>
      <p:sp>
        <p:nvSpPr>
          <p:cNvPr id="14" name="Slide Number Placeholder 13">
            <a:extLst>
              <a:ext uri="{FF2B5EF4-FFF2-40B4-BE49-F238E27FC236}">
                <a16:creationId xmlns:a16="http://schemas.microsoft.com/office/drawing/2014/main" id="{3127905F-A30F-9294-7451-A92627A595B9}"/>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276490111"/>
      </p:ext>
    </p:extLst>
  </p:cSld>
  <p:clrMapOvr>
    <a:masterClrMapping/>
  </p:clrMapOvr>
  <p:extLst>
    <p:ext uri="{DCECCB84-F9BA-43D5-87BE-67443E8EF086}">
      <p15:sldGuideLst xmlns:p15="http://schemas.microsoft.com/office/powerpoint/2012/main">
        <p15:guide id="1" pos="393" userDrawn="1">
          <p15:clr>
            <a:srgbClr val="C35EA4"/>
          </p15:clr>
        </p15:guide>
        <p15:guide id="2" pos="7287" userDrawn="1">
          <p15:clr>
            <a:srgbClr val="C35EA4"/>
          </p15:clr>
        </p15:guide>
        <p15:guide id="3" orient="horz" pos="1026" userDrawn="1">
          <p15:clr>
            <a:srgbClr val="C35EA4"/>
          </p15:clr>
        </p15:guide>
        <p15:guide id="4" orient="horz" pos="3884" userDrawn="1">
          <p15:clr>
            <a:srgbClr val="C35EA4"/>
          </p15:clr>
        </p15:guide>
        <p15:guide id="5" orient="horz" pos="346" userDrawn="1">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DAEC16F0-29A6-806E-3CCF-27CC63AF27B1}"/>
              </a:ext>
            </a:extLst>
          </p:cNvPr>
          <p:cNvSpPr>
            <a:spLocks noGrp="1"/>
          </p:cNvSpPr>
          <p:nvPr>
            <p:ph type="dt" sz="half" idx="18"/>
          </p:nvPr>
        </p:nvSpPr>
        <p:spPr/>
        <p:txBody>
          <a:bodyPr/>
          <a:lstStyle/>
          <a:p>
            <a:fld id="{FC898A56-491B-49D0-9BEA-BA50BE717309}" type="datetime1">
              <a:rPr lang="de-CH" smtClean="0"/>
              <a:t>20.10.2022</a:t>
            </a:fld>
            <a:endParaRPr lang="de-CH"/>
          </a:p>
        </p:txBody>
      </p:sp>
      <p:sp>
        <p:nvSpPr>
          <p:cNvPr id="6" name="Footer Placeholder 5">
            <a:extLst>
              <a:ext uri="{FF2B5EF4-FFF2-40B4-BE49-F238E27FC236}">
                <a16:creationId xmlns:a16="http://schemas.microsoft.com/office/drawing/2014/main" id="{28BB9BDB-95AF-64D9-5C40-4266F40AA9FA}"/>
              </a:ext>
            </a:extLst>
          </p:cNvPr>
          <p:cNvSpPr>
            <a:spLocks noGrp="1"/>
          </p:cNvSpPr>
          <p:nvPr>
            <p:ph type="ftr" sz="quarter" idx="19"/>
          </p:nvPr>
        </p:nvSpPr>
        <p:spPr/>
        <p:txBody>
          <a:bodyPr/>
          <a:lstStyle/>
          <a:p>
            <a:endParaRPr lang="de-CH"/>
          </a:p>
        </p:txBody>
      </p:sp>
      <p:sp>
        <p:nvSpPr>
          <p:cNvPr id="15" name="Slide Number Placeholder 14">
            <a:extLst>
              <a:ext uri="{FF2B5EF4-FFF2-40B4-BE49-F238E27FC236}">
                <a16:creationId xmlns:a16="http://schemas.microsoft.com/office/drawing/2014/main" id="{FF62D965-82F8-3FE9-9674-69D633F21E76}"/>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831577900"/>
      </p:ext>
    </p:extLst>
  </p:cSld>
  <p:clrMapOvr>
    <a:masterClrMapping/>
  </p:clrMapOvr>
  <p:extLst>
    <p:ext uri="{DCECCB84-F9BA-43D5-87BE-67443E8EF086}">
      <p15:sldGuideLst xmlns:p15="http://schemas.microsoft.com/office/powerpoint/2012/main">
        <p15:guide id="1" pos="3749" userDrawn="1">
          <p15:clr>
            <a:srgbClr val="C35EA4"/>
          </p15:clr>
        </p15:guide>
        <p15:guide id="2" pos="393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1459C21D-B668-BD7A-2CCA-4932627281FB}"/>
              </a:ext>
            </a:extLst>
          </p:cNvPr>
          <p:cNvSpPr>
            <a:spLocks noGrp="1"/>
          </p:cNvSpPr>
          <p:nvPr>
            <p:ph type="dt" sz="half" idx="18"/>
          </p:nvPr>
        </p:nvSpPr>
        <p:spPr/>
        <p:txBody>
          <a:bodyPr/>
          <a:lstStyle/>
          <a:p>
            <a:fld id="{B4233E95-3011-4C51-8009-29BB7ED4FEA5}" type="datetime1">
              <a:rPr lang="de-CH" smtClean="0"/>
              <a:t>20.10.2022</a:t>
            </a:fld>
            <a:endParaRPr lang="de-CH"/>
          </a:p>
        </p:txBody>
      </p:sp>
      <p:sp>
        <p:nvSpPr>
          <p:cNvPr id="3" name="Footer Placeholder 2">
            <a:extLst>
              <a:ext uri="{FF2B5EF4-FFF2-40B4-BE49-F238E27FC236}">
                <a16:creationId xmlns:a16="http://schemas.microsoft.com/office/drawing/2014/main" id="{0795BA8B-11B3-B9B9-1C2C-6132B1AE9BC1}"/>
              </a:ext>
            </a:extLst>
          </p:cNvPr>
          <p:cNvSpPr>
            <a:spLocks noGrp="1"/>
          </p:cNvSpPr>
          <p:nvPr>
            <p:ph type="ftr" sz="quarter" idx="19"/>
          </p:nvPr>
        </p:nvSpPr>
        <p:spPr/>
        <p:txBody>
          <a:bodyPr/>
          <a:lstStyle/>
          <a:p>
            <a:endParaRPr lang="de-CH"/>
          </a:p>
        </p:txBody>
      </p:sp>
      <p:sp>
        <p:nvSpPr>
          <p:cNvPr id="4" name="Slide Number Placeholder 3">
            <a:extLst>
              <a:ext uri="{FF2B5EF4-FFF2-40B4-BE49-F238E27FC236}">
                <a16:creationId xmlns:a16="http://schemas.microsoft.com/office/drawing/2014/main" id="{A3A89C0C-EBFF-C0D0-99C7-FB7FBC06BB2C}"/>
              </a:ext>
            </a:extLst>
          </p:cNvPr>
          <p:cNvSpPr>
            <a:spLocks noGrp="1"/>
          </p:cNvSpPr>
          <p:nvPr>
            <p:ph type="sldNum" sz="quarter" idx="20"/>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101923619"/>
      </p:ext>
    </p:extLst>
  </p:cSld>
  <p:clrMapOvr>
    <a:masterClrMapping/>
  </p:clrMapOvr>
  <p:extLst>
    <p:ext uri="{DCECCB84-F9BA-43D5-87BE-67443E8EF086}">
      <p15:sldGuideLst xmlns:p15="http://schemas.microsoft.com/office/powerpoint/2012/main">
        <p15:guide id="1" pos="2570" userDrawn="1">
          <p15:clr>
            <a:srgbClr val="C35EA4"/>
          </p15:clr>
        </p15:guide>
        <p15:guide id="2" pos="2751" userDrawn="1">
          <p15:clr>
            <a:srgbClr val="C35EA4"/>
          </p15:clr>
        </p15:guide>
        <p15:guide id="3" pos="7287" userDrawn="1">
          <p15:clr>
            <a:srgbClr val="C35EA4"/>
          </p15:clr>
        </p15:guide>
        <p15:guide id="4" pos="393" userDrawn="1">
          <p15:clr>
            <a:srgbClr val="C35EA4"/>
          </p15:clr>
        </p15:guide>
        <p15:guide id="5" orient="horz" pos="1026" userDrawn="1">
          <p15:clr>
            <a:srgbClr val="C35EA4"/>
          </p15:clr>
        </p15:guide>
        <p15:guide id="6" orient="horz" pos="3884" userDrawn="1">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3" name="Date Placeholder 2">
            <a:extLst>
              <a:ext uri="{FF2B5EF4-FFF2-40B4-BE49-F238E27FC236}">
                <a16:creationId xmlns:a16="http://schemas.microsoft.com/office/drawing/2014/main" id="{0C65D0DF-2E28-0703-6C1C-294E31BE57D1}"/>
              </a:ext>
            </a:extLst>
          </p:cNvPr>
          <p:cNvSpPr>
            <a:spLocks noGrp="1"/>
          </p:cNvSpPr>
          <p:nvPr>
            <p:ph type="dt" sz="half" idx="19"/>
          </p:nvPr>
        </p:nvSpPr>
        <p:spPr/>
        <p:txBody>
          <a:bodyPr/>
          <a:lstStyle/>
          <a:p>
            <a:fld id="{639778C9-6C7C-417F-A310-065DA76928D1}" type="datetime1">
              <a:rPr lang="de-CH" smtClean="0"/>
              <a:t>20.10.2022</a:t>
            </a:fld>
            <a:endParaRPr lang="de-CH"/>
          </a:p>
        </p:txBody>
      </p:sp>
      <p:sp>
        <p:nvSpPr>
          <p:cNvPr id="4" name="Footer Placeholder 3">
            <a:extLst>
              <a:ext uri="{FF2B5EF4-FFF2-40B4-BE49-F238E27FC236}">
                <a16:creationId xmlns:a16="http://schemas.microsoft.com/office/drawing/2014/main" id="{98561BA9-6334-19DB-C8BE-D9FED54A635D}"/>
              </a:ext>
            </a:extLst>
          </p:cNvPr>
          <p:cNvSpPr>
            <a:spLocks noGrp="1"/>
          </p:cNvSpPr>
          <p:nvPr>
            <p:ph type="ftr" sz="quarter" idx="20"/>
          </p:nvPr>
        </p:nvSpPr>
        <p:spPr/>
        <p:txBody>
          <a:bodyPr/>
          <a:lstStyle/>
          <a:p>
            <a:endParaRPr lang="de-CH"/>
          </a:p>
        </p:txBody>
      </p:sp>
      <p:sp>
        <p:nvSpPr>
          <p:cNvPr id="5" name="Slide Number Placeholder 4">
            <a:extLst>
              <a:ext uri="{FF2B5EF4-FFF2-40B4-BE49-F238E27FC236}">
                <a16:creationId xmlns:a16="http://schemas.microsoft.com/office/drawing/2014/main" id="{688B0F38-5302-4FE4-83FF-4CCCEEFB3AAC}"/>
              </a:ext>
            </a:extLst>
          </p:cNvPr>
          <p:cNvSpPr>
            <a:spLocks noGrp="1"/>
          </p:cNvSpPr>
          <p:nvPr>
            <p:ph type="sldNum" sz="quarter" idx="21"/>
          </p:nvPr>
        </p:nvSpPr>
        <p:spPr/>
        <p:txBody>
          <a:bodyPr/>
          <a:lstStyle/>
          <a:p>
            <a:r>
              <a:rPr lang="de-CH"/>
              <a:t>| </a:t>
            </a:r>
            <a:fld id="{8CF9DE7D-F270-4E16-BA04-5BCA8969A2EA}" type="slidenum">
              <a:rPr lang="de-CH" smtClean="0"/>
              <a:pPr/>
              <a:t>‹#›</a:t>
            </a:fld>
            <a:endParaRPr lang="de-CH" dirty="0"/>
          </a:p>
        </p:txBody>
      </p:sp>
    </p:spTree>
    <p:extLst>
      <p:ext uri="{BB962C8B-B14F-4D97-AF65-F5344CB8AC3E}">
        <p14:creationId xmlns:p14="http://schemas.microsoft.com/office/powerpoint/2010/main" val="3376375726"/>
      </p:ext>
    </p:extLst>
  </p:cSld>
  <p:clrMapOvr>
    <a:masterClrMapping/>
  </p:clrMapOvr>
  <p:extLst>
    <p:ext uri="{DCECCB84-F9BA-43D5-87BE-67443E8EF086}">
      <p15:sldGuideLst xmlns:p15="http://schemas.microsoft.com/office/powerpoint/2012/main">
        <p15:guide id="1" orient="horz" pos="1026" userDrawn="1">
          <p15:clr>
            <a:srgbClr val="C35EA4"/>
          </p15:clr>
        </p15:guide>
        <p15:guide id="2" pos="393" userDrawn="1">
          <p15:clr>
            <a:srgbClr val="C35EA4"/>
          </p15:clr>
        </p15:guide>
        <p15:guide id="3" pos="7287" userDrawn="1">
          <p15:clr>
            <a:srgbClr val="C35EA4"/>
          </p15:clr>
        </p15:guide>
        <p15:guide id="4" orient="horz" pos="3884" userDrawn="1">
          <p15:clr>
            <a:srgbClr val="C35EA4"/>
          </p15:clr>
        </p15:guide>
        <p15:guide id="5" pos="3749" userDrawn="1">
          <p15:clr>
            <a:srgbClr val="C35EA4"/>
          </p15:clr>
        </p15:guide>
        <p15:guide id="6" pos="3931" userDrawn="1">
          <p15:clr>
            <a:srgbClr val="C35EA4"/>
          </p15:clr>
        </p15:guide>
        <p15:guide id="7" pos="5518" userDrawn="1">
          <p15:clr>
            <a:srgbClr val="C35EA4"/>
          </p15:clr>
        </p15:guide>
        <p15:guide id="8" pos="5700" userDrawn="1">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ags" Target="../tags/tag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cb2f802d-cea7-469e-a2fc-39ae069b23af&quot;}}">
            <a:extLst>
              <a:ext uri="{FF2B5EF4-FFF2-40B4-BE49-F238E27FC236}">
                <a16:creationId xmlns:a16="http://schemas.microsoft.com/office/drawing/2014/main" id="{B42C15D8-8A65-4417-B793-313E11968321}"/>
              </a:ext>
            </a:extLst>
          </p:cNvPr>
          <p:cNvSpPr txBox="1">
            <a:spLocks/>
          </p:cNvSpPr>
          <p:nvPr userDrawn="1"/>
        </p:nvSpPr>
        <p:spPr bwMode="gray">
          <a:xfrm>
            <a:off x="623888" y="6381328"/>
            <a:ext cx="442193" cy="144000"/>
          </a:xfrm>
          <a:prstGeom prst="rect">
            <a:avLst/>
          </a:prstGeom>
        </p:spPr>
        <p:txBody>
          <a:bodyPr vert="horz" lIns="0" tIns="0" rIns="0" bIns="0" rtlCol="0" anchor="t">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67" name="Year" descr="{&quot;templafy&quot;:{&quot;id&quot;:&quot;d44f3bb7-4338-4f93-8724-c7ebc69a6007&quot;}}">
            <a:extLst>
              <a:ext uri="{FF2B5EF4-FFF2-40B4-BE49-F238E27FC236}">
                <a16:creationId xmlns:a16="http://schemas.microsoft.com/office/drawing/2014/main" id="{6291DFA7-D6C9-580F-0350-7F1E3A2F4E46}"/>
              </a:ext>
            </a:extLst>
          </p:cNvPr>
          <p:cNvSpPr txBox="1">
            <a:spLocks/>
          </p:cNvSpPr>
          <p:nvPr userDrawn="1">
            <p:custDataLst>
              <p:tags r:id="rId26"/>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2</a:t>
            </a:r>
          </a:p>
        </p:txBody>
      </p:sp>
      <p:sp>
        <p:nvSpPr>
          <p:cNvPr id="69" name="Name" descr="{&quot;templafy&quot;:{&quot;id&quot;:&quot;01725e5b-17ba-46b5-a89d-9fe4bb16aabb&quot;}}" title="UserProfile.Name">
            <a:extLst>
              <a:ext uri="{FF2B5EF4-FFF2-40B4-BE49-F238E27FC236}">
                <a16:creationId xmlns:a16="http://schemas.microsoft.com/office/drawing/2014/main" id="{C07C95ED-9BF9-6B8B-ADC1-7714C14E9097}"/>
              </a:ext>
            </a:extLst>
          </p:cNvPr>
          <p:cNvSpPr txBox="1">
            <a:spLocks/>
          </p:cNvSpPr>
          <p:nvPr userDrawn="1">
            <p:custDataLst>
              <p:tags r:id="rId27"/>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70" name="Title" descr="{&quot;templafy&quot;:{&quot;id&quot;:&quot;62323ae5-3b13-4615-99bf-b8c2b064cd51&quot;}}" title="UserProfile.Name">
            <a:extLst>
              <a:ext uri="{FF2B5EF4-FFF2-40B4-BE49-F238E27FC236}">
                <a16:creationId xmlns:a16="http://schemas.microsoft.com/office/drawing/2014/main" id="{C8DCFE69-3837-4A66-A4BD-5963F21804D7}"/>
              </a:ext>
            </a:extLst>
          </p:cNvPr>
          <p:cNvSpPr txBox="1">
            <a:spLocks/>
          </p:cNvSpPr>
          <p:nvPr userDrawn="1">
            <p:custDataLst>
              <p:tags r:id="rId28"/>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chere Java Applikationen mit Spring Security</a:t>
            </a:r>
          </a:p>
        </p:txBody>
      </p:sp>
      <p:sp>
        <p:nvSpPr>
          <p:cNvPr id="71" name="date" descr="{&quot;templafy&quot;:{&quot;id&quot;:&quot;b79a476b-bdba-46e9-975d-aa688c97a046&quot;}}">
            <a:extLst>
              <a:ext uri="{FF2B5EF4-FFF2-40B4-BE49-F238E27FC236}">
                <a16:creationId xmlns:a16="http://schemas.microsoft.com/office/drawing/2014/main" id="{9098352C-A096-9A9D-3927-BFED086CC9B4}"/>
              </a:ext>
            </a:extLst>
          </p:cNvPr>
          <p:cNvSpPr txBox="1">
            <a:spLocks/>
          </p:cNvSpPr>
          <p:nvPr userDrawn="1">
            <p:custDataLst>
              <p:tags r:id="rId29"/>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spc="20" baseline="0" noProof="1">
                <a:solidFill>
                  <a:schemeClr val="tx1"/>
                </a:solidFill>
                <a:latin typeface="AA Zuehlke" pitchFamily="2" charset="0"/>
                <a:ea typeface="+mn-ea"/>
                <a:cs typeface="+mn-cs"/>
              </a:rPr>
              <a:t>20.10.2022</a:t>
            </a:r>
          </a:p>
        </p:txBody>
      </p:sp>
      <p:sp>
        <p:nvSpPr>
          <p:cNvPr id="7" name="Strictly Confidential" descr="{&quot;templafy&quot;:{&quot;id&quot;:&quot;dacf1a03-4b1b-45a6-b06b-a2591e3a7f0c&quot;}}" hidden="1">
            <a:extLst>
              <a:ext uri="{FF2B5EF4-FFF2-40B4-BE49-F238E27FC236}">
                <a16:creationId xmlns:a16="http://schemas.microsoft.com/office/drawing/2014/main" id="{D6A5A859-4CE8-2837-746E-F8B2E0E6F21F}"/>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68" name="Restricted" descr="{&quot;templafy&quot;:{&quot;id&quot;:&quot;66392279-7bec-4253-84f2-7f6807e6e476&quot;}}" hidden="1">
            <a:extLst>
              <a:ext uri="{FF2B5EF4-FFF2-40B4-BE49-F238E27FC236}">
                <a16:creationId xmlns:a16="http://schemas.microsoft.com/office/drawing/2014/main" id="{61C71873-52D3-45F7-59C2-98B44A61CBDD}"/>
              </a:ext>
            </a:extLst>
          </p:cNvPr>
          <p:cNvSpPr/>
          <p:nvPr userDrawn="1"/>
        </p:nvSpPr>
        <p:spPr bwMode="gray">
          <a:xfrm>
            <a:off x="-1" y="548491"/>
            <a:ext cx="262943" cy="828000"/>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72" name="Confidential" descr="{&quot;templafy&quot;:{&quot;id&quot;:&quot;985b3e8c-7f26-442c-bdad-59f5e4db69fa&quot;}}" hidden="1">
            <a:extLst>
              <a:ext uri="{FF2B5EF4-FFF2-40B4-BE49-F238E27FC236}">
                <a16:creationId xmlns:a16="http://schemas.microsoft.com/office/drawing/2014/main" id="{D0CCF352-5FE7-85C8-603C-8D9FD1E2CB4D}"/>
              </a:ext>
            </a:extLst>
          </p:cNvPr>
          <p:cNvSpPr/>
          <p:nvPr userDrawn="1"/>
        </p:nvSpPr>
        <p:spPr bwMode="gray">
          <a:xfrm>
            <a:off x="-1" y="550590"/>
            <a:ext cx="262943" cy="9360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73" name="Public" descr="{&quot;templafy&quot;:{&quot;id&quot;:&quot;38c58ec9-95e5-4f82-b602-f2ef3ac727c6&quot;}}">
            <a:extLst>
              <a:ext uri="{FF2B5EF4-FFF2-40B4-BE49-F238E27FC236}">
                <a16:creationId xmlns:a16="http://schemas.microsoft.com/office/drawing/2014/main" id="{DDC0E9FF-D178-AF74-F5DF-8B06BE4DAB13}"/>
              </a:ext>
            </a:extLst>
          </p:cNvPr>
          <p:cNvSpPr/>
          <p:nvPr userDrawn="1"/>
        </p:nvSpPr>
        <p:spPr bwMode="gray">
          <a:xfrm>
            <a:off x="-1" y="548259"/>
            <a:ext cx="262943" cy="619200"/>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82800"/>
            <a:ext cx="392400" cy="144000"/>
          </a:xfrm>
          <a:prstGeom prst="rect">
            <a:avLst/>
          </a:prstGeom>
        </p:spPr>
        <p:txBody>
          <a:bodyPr vert="horz" wrap="square" lIns="0" tIns="0" rIns="0" bIns="0" rtlCol="0" anchor="ctr"/>
          <a:lstStyle>
            <a:lvl1pPr algn="r">
              <a:defRPr sz="800">
                <a:solidFill>
                  <a:schemeClr val="tx1"/>
                </a:solidFill>
              </a:defRPr>
            </a:lvl1pPr>
          </a:lstStyle>
          <a:p>
            <a:r>
              <a:rPr lang="de-CH" dirty="0"/>
              <a:t>| </a:t>
            </a:r>
            <a:fld id="{8CF9DE7D-F270-4E16-BA04-5BCA8969A2EA}" type="slidenum">
              <a:rPr lang="de-CH" smtClean="0"/>
              <a:pPr/>
              <a:t>‹#›</a:t>
            </a:fld>
            <a:endParaRPr lang="de-CH" dirty="0"/>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de-CH" dirty="0"/>
              <a:t>Click to add title</a:t>
            </a:r>
            <a:endParaRPr lang="de-CH"/>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a:p>
            <a:pPr lvl="5"/>
            <a:r>
              <a:rPr lang="de-CH" dirty="0"/>
              <a:t>Level 6</a:t>
            </a:r>
            <a:endParaRPr lang="de-CH"/>
          </a:p>
          <a:p>
            <a:pPr lvl="6"/>
            <a:r>
              <a:rPr lang="de-CH" dirty="0"/>
              <a:t>Level 7</a:t>
            </a:r>
            <a:endParaRPr lang="de-CH"/>
          </a:p>
          <a:p>
            <a:pPr lvl="7"/>
            <a:r>
              <a:rPr lang="de-CH" dirty="0"/>
              <a:t>Level 8</a:t>
            </a:r>
            <a:endParaRPr lang="de-CH"/>
          </a:p>
          <a:p>
            <a:pPr lvl="8"/>
            <a:r>
              <a:rPr lang="de-CH" dirty="0"/>
              <a:t>Level 9</a:t>
            </a:r>
            <a:endParaRPr lang="de-CH"/>
          </a:p>
        </p:txBody>
      </p:sp>
      <p:sp>
        <p:nvSpPr>
          <p:cNvPr id="4" name="Date Placeholder 3">
            <a:extLst>
              <a:ext uri="{FF2B5EF4-FFF2-40B4-BE49-F238E27FC236}">
                <a16:creationId xmlns:a16="http://schemas.microsoft.com/office/drawing/2014/main" id="{DB57928F-0394-A641-8E3E-2D180F0BE042}"/>
              </a:ext>
            </a:extLst>
          </p:cNvPr>
          <p:cNvSpPr>
            <a:spLocks noGrp="1"/>
          </p:cNvSpPr>
          <p:nvPr>
            <p:ph type="dt" sz="half" idx="2"/>
          </p:nvPr>
        </p:nvSpPr>
        <p:spPr>
          <a:xfrm flipV="1">
            <a:off x="619304" y="7001378"/>
            <a:ext cx="2743200" cy="3600"/>
          </a:xfrm>
          <a:prstGeom prst="rect">
            <a:avLst/>
          </a:prstGeom>
        </p:spPr>
        <p:txBody>
          <a:bodyPr vert="horz" lIns="91440" tIns="45720" rIns="91440" bIns="45720" rtlCol="0" anchor="ctr"/>
          <a:lstStyle>
            <a:lvl1pPr algn="l">
              <a:defRPr sz="1200">
                <a:solidFill>
                  <a:srgbClr val="F0F0F0"/>
                </a:solidFill>
              </a:defRPr>
            </a:lvl1pPr>
          </a:lstStyle>
          <a:p>
            <a:fld id="{F7589BDE-D275-48E5-9926-0260C2129B60}" type="datetime1">
              <a:rPr lang="de-CH" smtClean="0"/>
              <a:pPr/>
              <a:t>20.10.2022</a:t>
            </a:fld>
            <a:endParaRPr lang="de-CH"/>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flipV="1">
            <a:off x="3997424" y="7001378"/>
            <a:ext cx="4114800" cy="3600"/>
          </a:xfrm>
          <a:prstGeom prst="rect">
            <a:avLst/>
          </a:prstGeom>
        </p:spPr>
        <p:txBody>
          <a:bodyPr vert="horz" lIns="91440" tIns="45720" rIns="91440" bIns="45720" rtlCol="0" anchor="ctr"/>
          <a:lstStyle>
            <a:lvl1pPr algn="ctr">
              <a:defRPr sz="1200">
                <a:solidFill>
                  <a:srgbClr val="F0F0F0"/>
                </a:solidFill>
              </a:defRPr>
            </a:lvl1pPr>
          </a:lstStyle>
          <a:p>
            <a:endParaRPr lang="de-CH"/>
          </a:p>
        </p:txBody>
      </p:sp>
    </p:spTree>
    <p:extLst>
      <p:ext uri="{BB962C8B-B14F-4D97-AF65-F5344CB8AC3E}">
        <p14:creationId xmlns:p14="http://schemas.microsoft.com/office/powerpoint/2010/main" val="259861064"/>
      </p:ext>
    </p:extLst>
  </p:cSld>
  <p:clrMap bg1="lt1" tx1="dk1" bg2="lt2" tx2="dk2" accent1="accent1" accent2="accent2" accent3="accent3" accent4="accent4" accent5="accent5" accent6="accent6" hlink="hlink" folHlink="folHlink"/>
  <p:sldLayoutIdLst>
    <p:sldLayoutId id="2147483728" r:id="rId1"/>
    <p:sldLayoutId id="2147483649" r:id="rId2"/>
    <p:sldLayoutId id="2147483730" r:id="rId3"/>
    <p:sldLayoutId id="2147483731" r:id="rId4"/>
    <p:sldLayoutId id="2147483732" r:id="rId5"/>
    <p:sldLayoutId id="2147483650" r:id="rId6"/>
    <p:sldLayoutId id="2147483652" r:id="rId7"/>
    <p:sldLayoutId id="2147483736" r:id="rId8"/>
    <p:sldLayoutId id="2147483733" r:id="rId9"/>
    <p:sldLayoutId id="2147483734" r:id="rId10"/>
    <p:sldLayoutId id="2147483656" r:id="rId11"/>
    <p:sldLayoutId id="2147483735" r:id="rId12"/>
    <p:sldLayoutId id="2147483740" r:id="rId13"/>
    <p:sldLayoutId id="2147483660" r:id="rId14"/>
    <p:sldLayoutId id="2147483738" r:id="rId15"/>
    <p:sldLayoutId id="2147483658" r:id="rId16"/>
    <p:sldLayoutId id="2147483741" r:id="rId17"/>
    <p:sldLayoutId id="2147483742" r:id="rId18"/>
    <p:sldLayoutId id="2147483654" r:id="rId19"/>
    <p:sldLayoutId id="2147483655" r:id="rId20"/>
    <p:sldLayoutId id="2147483663" r:id="rId21"/>
    <p:sldLayoutId id="2147483737" r:id="rId22"/>
    <p:sldLayoutId id="2147483743" r:id="rId23"/>
    <p:sldLayoutId id="2147483662" r:id="rId24"/>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5.xml"/></Relationships>
</file>

<file path=ppt/slides/_rels/slide10.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4.xml"/><Relationship Id="rId1" Type="http://schemas.openxmlformats.org/officeDocument/2006/relationships/slideLayout" Target="../slideLayouts/slideLayout6.xml"/><Relationship Id="rId4" Type="http://schemas.openxmlformats.org/officeDocument/2006/relationships/image" Target="../media/image25.png"/></Relationships>
</file>

<file path=ppt/slides/_rels/slide11.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6.xml"/><Relationship Id="rId1" Type="http://schemas.openxmlformats.org/officeDocument/2006/relationships/slideLayout" Target="../slideLayouts/slideLayout6.xml"/><Relationship Id="rId4" Type="http://schemas.openxmlformats.org/officeDocument/2006/relationships/image" Target="../media/image27.png"/></Relationships>
</file>

<file path=ppt/slides/_rels/slide13.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7.xml"/><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notesSlide" Target="../notesSlides/notesSlide10.xml"/><Relationship Id="rId1" Type="http://schemas.openxmlformats.org/officeDocument/2006/relationships/slideLayout" Target="../slideLayouts/slideLayout7.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11.xml"/><Relationship Id="rId1" Type="http://schemas.openxmlformats.org/officeDocument/2006/relationships/slideLayout" Target="../slideLayouts/slideLayout6.xml"/><Relationship Id="rId4" Type="http://schemas.openxmlformats.org/officeDocument/2006/relationships/image" Target="../media/image33.svg"/></Relationships>
</file>

<file path=ppt/slides/_rels/slide19.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12.xml"/><Relationship Id="rId1" Type="http://schemas.openxmlformats.org/officeDocument/2006/relationships/slideLayout" Target="../slideLayouts/slideLayout6.xml"/><Relationship Id="rId4" Type="http://schemas.openxmlformats.org/officeDocument/2006/relationships/image" Target="../media/image33.svg"/></Relationships>
</file>

<file path=ppt/slides/_rels/slide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8" Type="http://schemas.openxmlformats.org/officeDocument/2006/relationships/image" Target="../media/image11.jpeg"/><Relationship Id="rId3" Type="http://schemas.openxmlformats.org/officeDocument/2006/relationships/slideLayout" Target="../slideLayouts/slideLayout20.xml"/><Relationship Id="rId7" Type="http://schemas.openxmlformats.org/officeDocument/2006/relationships/image" Target="../media/image10.png"/><Relationship Id="rId2" Type="http://schemas.openxmlformats.org/officeDocument/2006/relationships/customXml" Target="../../customXml/item10.xml"/><Relationship Id="rId1" Type="http://schemas.openxmlformats.org/officeDocument/2006/relationships/customXml" Target="../../customXml/item8.xml"/><Relationship Id="rId6" Type="http://schemas.openxmlformats.org/officeDocument/2006/relationships/image" Target="../media/image9.jpeg"/><Relationship Id="rId5" Type="http://schemas.microsoft.com/office/2007/relationships/hdphoto" Target="../media/hdphoto1.wdp"/><Relationship Id="rId4" Type="http://schemas.openxmlformats.org/officeDocument/2006/relationships/image" Target="../media/image8.png"/><Relationship Id="rId9" Type="http://schemas.openxmlformats.org/officeDocument/2006/relationships/image" Target="../media/image12.png"/></Relationships>
</file>

<file path=ppt/slides/_rels/slide4.xml.rels><?xml version="1.0" encoding="UTF-8" standalone="yes"?>
<Relationships xmlns="http://schemas.openxmlformats.org/package/2006/relationships"><Relationship Id="rId8" Type="http://schemas.openxmlformats.org/officeDocument/2006/relationships/image" Target="../media/image15.png"/><Relationship Id="rId13" Type="http://schemas.openxmlformats.org/officeDocument/2006/relationships/image" Target="../media/image20.svg"/><Relationship Id="rId3" Type="http://schemas.openxmlformats.org/officeDocument/2006/relationships/slideLayout" Target="../slideLayouts/slideLayout20.xml"/><Relationship Id="rId7" Type="http://schemas.openxmlformats.org/officeDocument/2006/relationships/image" Target="../media/image14.jpeg"/><Relationship Id="rId12" Type="http://schemas.openxmlformats.org/officeDocument/2006/relationships/image" Target="../media/image19.png"/><Relationship Id="rId2" Type="http://schemas.openxmlformats.org/officeDocument/2006/relationships/customXml" Target="../../customXml/item3.xml"/><Relationship Id="rId1" Type="http://schemas.openxmlformats.org/officeDocument/2006/relationships/customXml" Target="../../customXml/item6.xml"/><Relationship Id="rId6" Type="http://schemas.openxmlformats.org/officeDocument/2006/relationships/image" Target="../media/image13.jpeg"/><Relationship Id="rId11" Type="http://schemas.openxmlformats.org/officeDocument/2006/relationships/image" Target="../media/image18.svg"/><Relationship Id="rId5" Type="http://schemas.openxmlformats.org/officeDocument/2006/relationships/image" Target="../media/image5.svg"/><Relationship Id="rId10" Type="http://schemas.openxmlformats.org/officeDocument/2006/relationships/image" Target="../media/image17.png"/><Relationship Id="rId4" Type="http://schemas.openxmlformats.org/officeDocument/2006/relationships/image" Target="../media/image3.png"/><Relationship Id="rId9" Type="http://schemas.openxmlformats.org/officeDocument/2006/relationships/image" Target="../media/image16.sv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2.xml"/><Relationship Id="rId1" Type="http://schemas.openxmlformats.org/officeDocument/2006/relationships/slideLayout" Target="../slideLayouts/slideLayout6.xml"/><Relationship Id="rId5" Type="http://schemas.openxmlformats.org/officeDocument/2006/relationships/image" Target="../media/image7.png"/><Relationship Id="rId4" Type="http://schemas.openxmlformats.org/officeDocument/2006/relationships/image" Target="../media/image22.png"/></Relationships>
</file>

<file path=ppt/slides/_rels/slide8.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56CEA5E-7EFD-2E26-FA65-1EC24008E3B6}"/>
              </a:ext>
            </a:extLst>
          </p:cNvPr>
          <p:cNvSpPr>
            <a:spLocks noGrp="1"/>
          </p:cNvSpPr>
          <p:nvPr>
            <p:ph type="dt" sz="half" idx="2"/>
          </p:nvPr>
        </p:nvSpPr>
        <p:spPr/>
        <p:txBody>
          <a:bodyPr/>
          <a:lstStyle/>
          <a:p>
            <a:fld id="{23A38026-B889-4D2B-87ED-95514B502A91}" type="datetime1">
              <a:rPr lang="de-CH" smtClean="0"/>
              <a:pPr/>
              <a:t>20.10.2022</a:t>
            </a:fld>
            <a:endParaRPr lang="de-CH"/>
          </a:p>
        </p:txBody>
      </p:sp>
      <p:sp>
        <p:nvSpPr>
          <p:cNvPr id="3" name="Footer Placeholder 2">
            <a:extLst>
              <a:ext uri="{FF2B5EF4-FFF2-40B4-BE49-F238E27FC236}">
                <a16:creationId xmlns:a16="http://schemas.microsoft.com/office/drawing/2014/main" id="{A4F6CB3A-DD4E-4088-491F-0BE56AFA9176}"/>
              </a:ext>
            </a:extLst>
          </p:cNvPr>
          <p:cNvSpPr>
            <a:spLocks noGrp="1"/>
          </p:cNvSpPr>
          <p:nvPr>
            <p:ph type="ftr" sz="quarter" idx="3"/>
          </p:nvPr>
        </p:nvSpPr>
        <p:spPr/>
        <p:txBody>
          <a:bodyPr/>
          <a:lstStyle/>
          <a:p>
            <a:endParaRPr lang="de-CH"/>
          </a:p>
        </p:txBody>
      </p:sp>
    </p:spTree>
    <p:custDataLst>
      <p:custData r:id="rId1"/>
      <p:custData r:id="rId2"/>
    </p:custDataLst>
    <p:extLst>
      <p:ext uri="{BB962C8B-B14F-4D97-AF65-F5344CB8AC3E}">
        <p14:creationId xmlns:p14="http://schemas.microsoft.com/office/powerpoint/2010/main" val="26746006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A625196-A6B8-D244-7A47-43CA9672D56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94889CD-B909-3806-1BEB-7E8D68F4688D}"/>
              </a:ext>
            </a:extLst>
          </p:cNvPr>
          <p:cNvSpPr>
            <a:spLocks noGrp="1"/>
          </p:cNvSpPr>
          <p:nvPr>
            <p:ph type="title"/>
          </p:nvPr>
        </p:nvSpPr>
        <p:spPr/>
        <p:txBody>
          <a:bodyPr/>
          <a:lstStyle/>
          <a:p>
            <a:r>
              <a:rPr lang="en-US" dirty="0"/>
              <a:t>Java Servlet API</a:t>
            </a:r>
            <a:endParaRPr lang="en-CH" dirty="0"/>
          </a:p>
        </p:txBody>
      </p:sp>
      <p:sp>
        <p:nvSpPr>
          <p:cNvPr id="4" name="Subtitle 3">
            <a:extLst>
              <a:ext uri="{FF2B5EF4-FFF2-40B4-BE49-F238E27FC236}">
                <a16:creationId xmlns:a16="http://schemas.microsoft.com/office/drawing/2014/main" id="{9BA5523B-1072-9A1A-3A95-E14A4289D89D}"/>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84E6EAF0-84E8-B36D-0BEF-102C8F3E10AE}"/>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455E606D-DF2C-6175-574E-C46225DA3978}"/>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2A9A8F63-39FA-962E-AB7D-9913F322A58E}"/>
              </a:ext>
            </a:extLst>
          </p:cNvPr>
          <p:cNvSpPr>
            <a:spLocks noGrp="1"/>
          </p:cNvSpPr>
          <p:nvPr>
            <p:ph type="sldNum" sz="quarter" idx="20"/>
          </p:nvPr>
        </p:nvSpPr>
        <p:spPr/>
        <p:txBody>
          <a:bodyPr/>
          <a:lstStyle/>
          <a:p>
            <a:r>
              <a:rPr lang="de-CH"/>
              <a:t>| </a:t>
            </a:r>
            <a:fld id="{8CF9DE7D-F270-4E16-BA04-5BCA8969A2EA}" type="slidenum">
              <a:rPr lang="de-CH" smtClean="0"/>
              <a:pPr/>
              <a:t>10</a:t>
            </a:fld>
            <a:endParaRPr lang="de-CH" dirty="0"/>
          </a:p>
        </p:txBody>
      </p:sp>
      <p:pic>
        <p:nvPicPr>
          <p:cNvPr id="12" name="Content Placeholder 11">
            <a:extLst>
              <a:ext uri="{FF2B5EF4-FFF2-40B4-BE49-F238E27FC236}">
                <a16:creationId xmlns:a16="http://schemas.microsoft.com/office/drawing/2014/main" id="{8C46D64F-2713-58E5-1AE3-249451ABACC1}"/>
              </a:ext>
            </a:extLst>
          </p:cNvPr>
          <p:cNvPicPr>
            <a:picLocks noGrp="1" noChangeAspect="1"/>
          </p:cNvPicPr>
          <p:nvPr>
            <p:ph idx="1"/>
          </p:nvPr>
        </p:nvPicPr>
        <p:blipFill>
          <a:blip r:embed="rId3"/>
          <a:stretch>
            <a:fillRect/>
          </a:stretch>
        </p:blipFill>
        <p:spPr>
          <a:xfrm>
            <a:off x="1055440" y="1574655"/>
            <a:ext cx="3216922" cy="4535488"/>
          </a:xfrm>
          <a:prstGeom prst="rect">
            <a:avLst/>
          </a:prstGeom>
        </p:spPr>
      </p:pic>
      <p:pic>
        <p:nvPicPr>
          <p:cNvPr id="10" name="Picture 9">
            <a:extLst>
              <a:ext uri="{FF2B5EF4-FFF2-40B4-BE49-F238E27FC236}">
                <a16:creationId xmlns:a16="http://schemas.microsoft.com/office/drawing/2014/main" id="{90540E41-52D7-8D52-F0D1-2BE9C12CF116}"/>
              </a:ext>
            </a:extLst>
          </p:cNvPr>
          <p:cNvPicPr>
            <a:picLocks noChangeAspect="1"/>
          </p:cNvPicPr>
          <p:nvPr/>
        </p:nvPicPr>
        <p:blipFill>
          <a:blip r:embed="rId4"/>
          <a:stretch>
            <a:fillRect/>
          </a:stretch>
        </p:blipFill>
        <p:spPr>
          <a:xfrm>
            <a:off x="4300249" y="3140968"/>
            <a:ext cx="7455784" cy="1639374"/>
          </a:xfrm>
          <a:prstGeom prst="rect">
            <a:avLst/>
          </a:prstGeom>
        </p:spPr>
      </p:pic>
    </p:spTree>
    <p:extLst>
      <p:ext uri="{BB962C8B-B14F-4D97-AF65-F5344CB8AC3E}">
        <p14:creationId xmlns:p14="http://schemas.microsoft.com/office/powerpoint/2010/main" val="364874566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8AE1E86-0815-8E05-01A0-F2C36307486D}"/>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7028E5E-D673-1631-8A7F-D206EBE69D08}"/>
              </a:ext>
            </a:extLst>
          </p:cNvPr>
          <p:cNvSpPr>
            <a:spLocks noGrp="1"/>
          </p:cNvSpPr>
          <p:nvPr>
            <p:ph type="title"/>
          </p:nvPr>
        </p:nvSpPr>
        <p:spPr/>
        <p:txBody>
          <a:bodyPr/>
          <a:lstStyle/>
          <a:p>
            <a:r>
              <a:rPr lang="en-US" dirty="0"/>
              <a:t>Spring Security Configuration</a:t>
            </a:r>
            <a:endParaRPr lang="en-CH" dirty="0"/>
          </a:p>
        </p:txBody>
      </p:sp>
      <p:sp>
        <p:nvSpPr>
          <p:cNvPr id="4" name="Subtitle 3">
            <a:extLst>
              <a:ext uri="{FF2B5EF4-FFF2-40B4-BE49-F238E27FC236}">
                <a16:creationId xmlns:a16="http://schemas.microsoft.com/office/drawing/2014/main" id="{72FD58DE-6B8B-CFA8-AAEA-7E7905B84FAA}"/>
              </a:ext>
            </a:extLst>
          </p:cNvPr>
          <p:cNvSpPr>
            <a:spLocks noGrp="1"/>
          </p:cNvSpPr>
          <p:nvPr>
            <p:ph type="subTitle" idx="17"/>
          </p:nvPr>
        </p:nvSpPr>
        <p:spPr/>
        <p:txBody>
          <a:bodyPr/>
          <a:lstStyle/>
          <a:p>
            <a:endParaRPr lang="en-CH"/>
          </a:p>
        </p:txBody>
      </p:sp>
      <p:pic>
        <p:nvPicPr>
          <p:cNvPr id="11" name="Content Placeholder 10">
            <a:extLst>
              <a:ext uri="{FF2B5EF4-FFF2-40B4-BE49-F238E27FC236}">
                <a16:creationId xmlns:a16="http://schemas.microsoft.com/office/drawing/2014/main" id="{0934E979-4CD8-D404-5D15-C3C44DEFDEB6}"/>
              </a:ext>
            </a:extLst>
          </p:cNvPr>
          <p:cNvPicPr>
            <a:picLocks noGrp="1" noChangeAspect="1"/>
          </p:cNvPicPr>
          <p:nvPr>
            <p:ph idx="1"/>
          </p:nvPr>
        </p:nvPicPr>
        <p:blipFill rotWithShape="1">
          <a:blip r:embed="rId3"/>
          <a:srcRect r="1947"/>
          <a:stretch/>
        </p:blipFill>
        <p:spPr>
          <a:xfrm>
            <a:off x="2350191" y="1628775"/>
            <a:ext cx="7341113" cy="4535488"/>
          </a:xfrm>
        </p:spPr>
      </p:pic>
      <p:sp>
        <p:nvSpPr>
          <p:cNvPr id="6" name="Date Placeholder 5">
            <a:extLst>
              <a:ext uri="{FF2B5EF4-FFF2-40B4-BE49-F238E27FC236}">
                <a16:creationId xmlns:a16="http://schemas.microsoft.com/office/drawing/2014/main" id="{05DDBF73-A5C9-EEF1-3812-A636DE30969C}"/>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2AD76FCB-78E4-B012-6C27-9E0ED318CD9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7912645D-771B-926B-754E-0301EE89C020}"/>
              </a:ext>
            </a:extLst>
          </p:cNvPr>
          <p:cNvSpPr>
            <a:spLocks noGrp="1"/>
          </p:cNvSpPr>
          <p:nvPr>
            <p:ph type="sldNum" sz="quarter" idx="20"/>
          </p:nvPr>
        </p:nvSpPr>
        <p:spPr/>
        <p:txBody>
          <a:bodyPr/>
          <a:lstStyle/>
          <a:p>
            <a:r>
              <a:rPr lang="de-CH"/>
              <a:t>| </a:t>
            </a:r>
            <a:fld id="{8CF9DE7D-F270-4E16-BA04-5BCA8969A2EA}" type="slidenum">
              <a:rPr lang="de-CH" smtClean="0"/>
              <a:pPr/>
              <a:t>11</a:t>
            </a:fld>
            <a:endParaRPr lang="de-CH" dirty="0"/>
          </a:p>
        </p:txBody>
      </p:sp>
    </p:spTree>
    <p:extLst>
      <p:ext uri="{BB962C8B-B14F-4D97-AF65-F5344CB8AC3E}">
        <p14:creationId xmlns:p14="http://schemas.microsoft.com/office/powerpoint/2010/main" val="396444417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8AE1E86-0815-8E05-01A0-F2C36307486D}"/>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7028E5E-D673-1631-8A7F-D206EBE69D08}"/>
              </a:ext>
            </a:extLst>
          </p:cNvPr>
          <p:cNvSpPr>
            <a:spLocks noGrp="1"/>
          </p:cNvSpPr>
          <p:nvPr>
            <p:ph type="title"/>
          </p:nvPr>
        </p:nvSpPr>
        <p:spPr/>
        <p:txBody>
          <a:bodyPr/>
          <a:lstStyle/>
          <a:p>
            <a:r>
              <a:rPr lang="en-US" dirty="0"/>
              <a:t>Spring Security Configuration</a:t>
            </a:r>
            <a:endParaRPr lang="en-CH" dirty="0"/>
          </a:p>
        </p:txBody>
      </p:sp>
      <p:sp>
        <p:nvSpPr>
          <p:cNvPr id="4" name="Subtitle 3">
            <a:extLst>
              <a:ext uri="{FF2B5EF4-FFF2-40B4-BE49-F238E27FC236}">
                <a16:creationId xmlns:a16="http://schemas.microsoft.com/office/drawing/2014/main" id="{72FD58DE-6B8B-CFA8-AAEA-7E7905B84FAA}"/>
              </a:ext>
            </a:extLst>
          </p:cNvPr>
          <p:cNvSpPr>
            <a:spLocks noGrp="1"/>
          </p:cNvSpPr>
          <p:nvPr>
            <p:ph type="subTitle" idx="17"/>
          </p:nvPr>
        </p:nvSpPr>
        <p:spPr/>
        <p:txBody>
          <a:bodyPr/>
          <a:lstStyle/>
          <a:p>
            <a:endParaRPr lang="en-CH"/>
          </a:p>
        </p:txBody>
      </p:sp>
      <p:pic>
        <p:nvPicPr>
          <p:cNvPr id="11" name="Content Placeholder 10">
            <a:extLst>
              <a:ext uri="{FF2B5EF4-FFF2-40B4-BE49-F238E27FC236}">
                <a16:creationId xmlns:a16="http://schemas.microsoft.com/office/drawing/2014/main" id="{0934E979-4CD8-D404-5D15-C3C44DEFDEB6}"/>
              </a:ext>
            </a:extLst>
          </p:cNvPr>
          <p:cNvPicPr>
            <a:picLocks noGrp="1" noChangeAspect="1"/>
          </p:cNvPicPr>
          <p:nvPr>
            <p:ph idx="1"/>
          </p:nvPr>
        </p:nvPicPr>
        <p:blipFill rotWithShape="1">
          <a:blip r:embed="rId3"/>
          <a:srcRect l="7807" r="5631"/>
          <a:stretch/>
        </p:blipFill>
        <p:spPr>
          <a:xfrm>
            <a:off x="619304" y="1484784"/>
            <a:ext cx="6480720" cy="4535488"/>
          </a:xfrm>
        </p:spPr>
      </p:pic>
      <p:sp>
        <p:nvSpPr>
          <p:cNvPr id="6" name="Date Placeholder 5">
            <a:extLst>
              <a:ext uri="{FF2B5EF4-FFF2-40B4-BE49-F238E27FC236}">
                <a16:creationId xmlns:a16="http://schemas.microsoft.com/office/drawing/2014/main" id="{05DDBF73-A5C9-EEF1-3812-A636DE30969C}"/>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2AD76FCB-78E4-B012-6C27-9E0ED318CD9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7912645D-771B-926B-754E-0301EE89C020}"/>
              </a:ext>
            </a:extLst>
          </p:cNvPr>
          <p:cNvSpPr>
            <a:spLocks noGrp="1"/>
          </p:cNvSpPr>
          <p:nvPr>
            <p:ph type="sldNum" sz="quarter" idx="20"/>
          </p:nvPr>
        </p:nvSpPr>
        <p:spPr/>
        <p:txBody>
          <a:bodyPr/>
          <a:lstStyle/>
          <a:p>
            <a:r>
              <a:rPr lang="de-CH"/>
              <a:t>| </a:t>
            </a:r>
            <a:fld id="{8CF9DE7D-F270-4E16-BA04-5BCA8969A2EA}" type="slidenum">
              <a:rPr lang="de-CH" smtClean="0"/>
              <a:pPr/>
              <a:t>12</a:t>
            </a:fld>
            <a:endParaRPr lang="de-CH" dirty="0"/>
          </a:p>
        </p:txBody>
      </p:sp>
      <p:pic>
        <p:nvPicPr>
          <p:cNvPr id="10" name="Picture 9">
            <a:extLst>
              <a:ext uri="{FF2B5EF4-FFF2-40B4-BE49-F238E27FC236}">
                <a16:creationId xmlns:a16="http://schemas.microsoft.com/office/drawing/2014/main" id="{F5F82F4F-61F9-CD4D-6F75-7A94D0518137}"/>
              </a:ext>
            </a:extLst>
          </p:cNvPr>
          <p:cNvPicPr>
            <a:picLocks noChangeAspect="1"/>
          </p:cNvPicPr>
          <p:nvPr/>
        </p:nvPicPr>
        <p:blipFill>
          <a:blip r:embed="rId4"/>
          <a:stretch>
            <a:fillRect/>
          </a:stretch>
        </p:blipFill>
        <p:spPr>
          <a:xfrm>
            <a:off x="6979873" y="2997443"/>
            <a:ext cx="5164799" cy="2008533"/>
          </a:xfrm>
          <a:prstGeom prst="rect">
            <a:avLst/>
          </a:prstGeom>
        </p:spPr>
      </p:pic>
    </p:spTree>
    <p:extLst>
      <p:ext uri="{BB962C8B-B14F-4D97-AF65-F5344CB8AC3E}">
        <p14:creationId xmlns:p14="http://schemas.microsoft.com/office/powerpoint/2010/main" val="92709639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6A3D60D-C4DC-AC14-BDEF-A3F19B45F5B7}"/>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25EA43B-1E8C-E396-8921-BFB4D803DD68}"/>
              </a:ext>
            </a:extLst>
          </p:cNvPr>
          <p:cNvSpPr>
            <a:spLocks noGrp="1"/>
          </p:cNvSpPr>
          <p:nvPr>
            <p:ph type="title"/>
          </p:nvPr>
        </p:nvSpPr>
        <p:spPr/>
        <p:txBody>
          <a:bodyPr/>
          <a:lstStyle/>
          <a:p>
            <a:r>
              <a:rPr lang="en-US" dirty="0" err="1"/>
              <a:t>HttpSecurity</a:t>
            </a:r>
            <a:endParaRPr lang="en-CH" dirty="0"/>
          </a:p>
        </p:txBody>
      </p:sp>
      <p:sp>
        <p:nvSpPr>
          <p:cNvPr id="4" name="Subtitle 3">
            <a:extLst>
              <a:ext uri="{FF2B5EF4-FFF2-40B4-BE49-F238E27FC236}">
                <a16:creationId xmlns:a16="http://schemas.microsoft.com/office/drawing/2014/main" id="{353FD0AE-0E51-73CC-02B9-248525289D2E}"/>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AE215221-F3BF-71AF-DAE0-A97C26779780}"/>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A7804F04-3A38-05FF-0C80-513DCC5248D3}"/>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E3B0BE95-08E6-E3D2-C7A1-BC33E065DB01}"/>
              </a:ext>
            </a:extLst>
          </p:cNvPr>
          <p:cNvSpPr>
            <a:spLocks noGrp="1"/>
          </p:cNvSpPr>
          <p:nvPr>
            <p:ph type="sldNum" sz="quarter" idx="20"/>
          </p:nvPr>
        </p:nvSpPr>
        <p:spPr/>
        <p:txBody>
          <a:bodyPr/>
          <a:lstStyle/>
          <a:p>
            <a:r>
              <a:rPr lang="de-CH"/>
              <a:t>| </a:t>
            </a:r>
            <a:fld id="{8CF9DE7D-F270-4E16-BA04-5BCA8969A2EA}" type="slidenum">
              <a:rPr lang="de-CH" smtClean="0"/>
              <a:pPr/>
              <a:t>13</a:t>
            </a:fld>
            <a:endParaRPr lang="de-CH" dirty="0"/>
          </a:p>
        </p:txBody>
      </p:sp>
      <p:pic>
        <p:nvPicPr>
          <p:cNvPr id="15" name="Picture 14">
            <a:extLst>
              <a:ext uri="{FF2B5EF4-FFF2-40B4-BE49-F238E27FC236}">
                <a16:creationId xmlns:a16="http://schemas.microsoft.com/office/drawing/2014/main" id="{C2D0FFA4-3859-69CF-C2FC-9FF6E37A1DEA}"/>
              </a:ext>
            </a:extLst>
          </p:cNvPr>
          <p:cNvPicPr>
            <a:picLocks noChangeAspect="1"/>
          </p:cNvPicPr>
          <p:nvPr/>
        </p:nvPicPr>
        <p:blipFill rotWithShape="1">
          <a:blip r:embed="rId3"/>
          <a:srcRect b="69241"/>
          <a:stretch/>
        </p:blipFill>
        <p:spPr>
          <a:xfrm>
            <a:off x="1053878" y="1361385"/>
            <a:ext cx="6190517" cy="1657093"/>
          </a:xfrm>
          <a:prstGeom prst="rect">
            <a:avLst/>
          </a:prstGeom>
        </p:spPr>
      </p:pic>
      <p:pic>
        <p:nvPicPr>
          <p:cNvPr id="16" name="Picture 15">
            <a:extLst>
              <a:ext uri="{FF2B5EF4-FFF2-40B4-BE49-F238E27FC236}">
                <a16:creationId xmlns:a16="http://schemas.microsoft.com/office/drawing/2014/main" id="{6EA83E7F-A12F-3C25-795F-3FDEE31EC7E8}"/>
              </a:ext>
            </a:extLst>
          </p:cNvPr>
          <p:cNvPicPr>
            <a:picLocks noChangeAspect="1"/>
          </p:cNvPicPr>
          <p:nvPr/>
        </p:nvPicPr>
        <p:blipFill rotWithShape="1">
          <a:blip r:embed="rId3"/>
          <a:srcRect t="31821" b="34441"/>
          <a:stretch/>
        </p:blipFill>
        <p:spPr>
          <a:xfrm>
            <a:off x="4583832" y="2770861"/>
            <a:ext cx="6190516" cy="1817626"/>
          </a:xfrm>
          <a:prstGeom prst="rect">
            <a:avLst/>
          </a:prstGeom>
        </p:spPr>
      </p:pic>
      <p:pic>
        <p:nvPicPr>
          <p:cNvPr id="17" name="Picture 16">
            <a:extLst>
              <a:ext uri="{FF2B5EF4-FFF2-40B4-BE49-F238E27FC236}">
                <a16:creationId xmlns:a16="http://schemas.microsoft.com/office/drawing/2014/main" id="{B4BC1356-BE16-AA5D-167F-376C7F20B817}"/>
              </a:ext>
            </a:extLst>
          </p:cNvPr>
          <p:cNvPicPr>
            <a:picLocks noChangeAspect="1"/>
          </p:cNvPicPr>
          <p:nvPr/>
        </p:nvPicPr>
        <p:blipFill rotWithShape="1">
          <a:blip r:embed="rId3"/>
          <a:srcRect t="64025" b="811"/>
          <a:stretch/>
        </p:blipFill>
        <p:spPr>
          <a:xfrm>
            <a:off x="1053878" y="4399201"/>
            <a:ext cx="6190516" cy="1894426"/>
          </a:xfrm>
          <a:prstGeom prst="rect">
            <a:avLst/>
          </a:prstGeom>
        </p:spPr>
      </p:pic>
    </p:spTree>
    <p:extLst>
      <p:ext uri="{BB962C8B-B14F-4D97-AF65-F5344CB8AC3E}">
        <p14:creationId xmlns:p14="http://schemas.microsoft.com/office/powerpoint/2010/main" val="7331307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Text Placeholder 21">
            <a:extLst>
              <a:ext uri="{FF2B5EF4-FFF2-40B4-BE49-F238E27FC236}">
                <a16:creationId xmlns:a16="http://schemas.microsoft.com/office/drawing/2014/main" id="{D58DC4D1-2FA1-DA78-AB0E-FE9FDC91D4CA}"/>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13964C18-AEF8-1AF4-D4BC-191452BBDAC9}"/>
              </a:ext>
            </a:extLst>
          </p:cNvPr>
          <p:cNvSpPr>
            <a:spLocks noGrp="1"/>
          </p:cNvSpPr>
          <p:nvPr>
            <p:ph type="title"/>
          </p:nvPr>
        </p:nvSpPr>
        <p:spPr/>
        <p:txBody>
          <a:bodyPr/>
          <a:lstStyle/>
          <a:p>
            <a:r>
              <a:rPr lang="en-US" dirty="0"/>
              <a:t>Authentication</a:t>
            </a:r>
            <a:endParaRPr lang="en-CH" dirty="0"/>
          </a:p>
        </p:txBody>
      </p:sp>
      <p:pic>
        <p:nvPicPr>
          <p:cNvPr id="25" name="Content Placeholder 24" descr="Graphical user interface, application, Teams&#10;&#10;Description automatically generated">
            <a:extLst>
              <a:ext uri="{FF2B5EF4-FFF2-40B4-BE49-F238E27FC236}">
                <a16:creationId xmlns:a16="http://schemas.microsoft.com/office/drawing/2014/main" id="{605F457A-ABC5-539A-B817-D6C2A7EC1171}"/>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1490790" y="1052768"/>
            <a:ext cx="8637658" cy="5336575"/>
          </a:xfrm>
        </p:spPr>
      </p:pic>
      <p:sp>
        <p:nvSpPr>
          <p:cNvPr id="6" name="Date Placeholder 5">
            <a:extLst>
              <a:ext uri="{FF2B5EF4-FFF2-40B4-BE49-F238E27FC236}">
                <a16:creationId xmlns:a16="http://schemas.microsoft.com/office/drawing/2014/main" id="{22D3977D-6CAB-0213-0C9B-3382EEC6194F}"/>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B55C2162-2FD9-27F5-863B-768CCA11CC8A}"/>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477CA24-8C7F-0DAB-E5E8-23853589C10C}"/>
              </a:ext>
            </a:extLst>
          </p:cNvPr>
          <p:cNvSpPr>
            <a:spLocks noGrp="1"/>
          </p:cNvSpPr>
          <p:nvPr>
            <p:ph type="sldNum" sz="quarter" idx="20"/>
          </p:nvPr>
        </p:nvSpPr>
        <p:spPr/>
        <p:txBody>
          <a:bodyPr/>
          <a:lstStyle/>
          <a:p>
            <a:r>
              <a:rPr lang="de-CH"/>
              <a:t>| </a:t>
            </a:r>
            <a:fld id="{8CF9DE7D-F270-4E16-BA04-5BCA8969A2EA}" type="slidenum">
              <a:rPr lang="de-CH" smtClean="0"/>
              <a:pPr/>
              <a:t>14</a:t>
            </a:fld>
            <a:endParaRPr lang="de-CH" dirty="0"/>
          </a:p>
        </p:txBody>
      </p:sp>
    </p:spTree>
    <p:extLst>
      <p:ext uri="{BB962C8B-B14F-4D97-AF65-F5344CB8AC3E}">
        <p14:creationId xmlns:p14="http://schemas.microsoft.com/office/powerpoint/2010/main" val="201286537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07CDECE-4D1D-F1D3-3966-1715D0379FE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1A5418C5-D309-C789-46BC-E6EC63460BD6}"/>
              </a:ext>
            </a:extLst>
          </p:cNvPr>
          <p:cNvSpPr>
            <a:spLocks noGrp="1"/>
          </p:cNvSpPr>
          <p:nvPr>
            <p:ph type="title"/>
          </p:nvPr>
        </p:nvSpPr>
        <p:spPr/>
        <p:txBody>
          <a:bodyPr/>
          <a:lstStyle/>
          <a:p>
            <a:r>
              <a:rPr lang="en-US" dirty="0"/>
              <a:t>Authorization</a:t>
            </a:r>
            <a:endParaRPr lang="en-CH" dirty="0"/>
          </a:p>
        </p:txBody>
      </p:sp>
      <p:sp>
        <p:nvSpPr>
          <p:cNvPr id="4" name="Subtitle 3">
            <a:extLst>
              <a:ext uri="{FF2B5EF4-FFF2-40B4-BE49-F238E27FC236}">
                <a16:creationId xmlns:a16="http://schemas.microsoft.com/office/drawing/2014/main" id="{13AEACA1-2B89-752E-8029-B48A677BA812}"/>
              </a:ext>
            </a:extLst>
          </p:cNvPr>
          <p:cNvSpPr>
            <a:spLocks noGrp="1"/>
          </p:cNvSpPr>
          <p:nvPr>
            <p:ph type="subTitle" idx="17"/>
          </p:nvPr>
        </p:nvSpPr>
        <p:spPr/>
        <p:txBody>
          <a:bodyPr/>
          <a:lstStyle/>
          <a:p>
            <a:endParaRPr lang="en-CH" dirty="0"/>
          </a:p>
        </p:txBody>
      </p:sp>
      <p:sp>
        <p:nvSpPr>
          <p:cNvPr id="6" name="Date Placeholder 5">
            <a:extLst>
              <a:ext uri="{FF2B5EF4-FFF2-40B4-BE49-F238E27FC236}">
                <a16:creationId xmlns:a16="http://schemas.microsoft.com/office/drawing/2014/main" id="{9A09912C-F9B2-D518-F5C6-72576832100E}"/>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5B727897-849C-5FB4-B72C-BF2CC217B031}"/>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B481EA3F-C5F4-8E34-39D8-5D4170AE9B77}"/>
              </a:ext>
            </a:extLst>
          </p:cNvPr>
          <p:cNvSpPr>
            <a:spLocks noGrp="1"/>
          </p:cNvSpPr>
          <p:nvPr>
            <p:ph type="sldNum" sz="quarter" idx="20"/>
          </p:nvPr>
        </p:nvSpPr>
        <p:spPr/>
        <p:txBody>
          <a:bodyPr/>
          <a:lstStyle/>
          <a:p>
            <a:r>
              <a:rPr lang="de-CH"/>
              <a:t>| </a:t>
            </a:r>
            <a:fld id="{8CF9DE7D-F270-4E16-BA04-5BCA8969A2EA}" type="slidenum">
              <a:rPr lang="de-CH" smtClean="0"/>
              <a:pPr/>
              <a:t>15</a:t>
            </a:fld>
            <a:endParaRPr lang="de-CH" dirty="0"/>
          </a:p>
        </p:txBody>
      </p:sp>
      <p:pic>
        <p:nvPicPr>
          <p:cNvPr id="12" name="Content Placeholder 11">
            <a:extLst>
              <a:ext uri="{FF2B5EF4-FFF2-40B4-BE49-F238E27FC236}">
                <a16:creationId xmlns:a16="http://schemas.microsoft.com/office/drawing/2014/main" id="{752795A7-7DBD-9BD0-67E1-9EAC2D63BCED}"/>
              </a:ext>
            </a:extLst>
          </p:cNvPr>
          <p:cNvPicPr>
            <a:picLocks noGrp="1" noChangeAspect="1"/>
          </p:cNvPicPr>
          <p:nvPr>
            <p:ph idx="1"/>
          </p:nvPr>
        </p:nvPicPr>
        <p:blipFill>
          <a:blip r:embed="rId3">
            <a:extLst>
              <a:ext uri="{28A0092B-C50C-407E-A947-70E740481C1C}">
                <a14:useLocalDpi xmlns:a14="http://schemas.microsoft.com/office/drawing/2010/main" val="0"/>
              </a:ext>
            </a:extLst>
          </a:blip>
          <a:srcRect/>
          <a:stretch/>
        </p:blipFill>
        <p:spPr>
          <a:xfrm>
            <a:off x="636176" y="1793818"/>
            <a:ext cx="9996328" cy="3014058"/>
          </a:xfrm>
        </p:spPr>
      </p:pic>
    </p:spTree>
    <p:extLst>
      <p:ext uri="{BB962C8B-B14F-4D97-AF65-F5344CB8AC3E}">
        <p14:creationId xmlns:p14="http://schemas.microsoft.com/office/powerpoint/2010/main" val="263040802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591EE96E-7F40-5CBC-9274-B1FF962C2D0D}"/>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Protection: CSRF</a:t>
            </a:r>
            <a:endParaRPr lang="en-CH" dirty="0"/>
          </a:p>
        </p:txBody>
      </p:sp>
      <p:sp>
        <p:nvSpPr>
          <p:cNvPr id="13" name="Subtitle 12">
            <a:extLst>
              <a:ext uri="{FF2B5EF4-FFF2-40B4-BE49-F238E27FC236}">
                <a16:creationId xmlns:a16="http://schemas.microsoft.com/office/drawing/2014/main" id="{D7B22245-0F54-00B2-1A26-047B801E39C0}"/>
              </a:ext>
            </a:extLst>
          </p:cNvPr>
          <p:cNvSpPr>
            <a:spLocks noGrp="1"/>
          </p:cNvSpPr>
          <p:nvPr>
            <p:ph type="subTitle" idx="17"/>
          </p:nvPr>
        </p:nvSpPr>
        <p:spPr/>
        <p:txBody>
          <a:bodyPr/>
          <a:lstStyle/>
          <a:p>
            <a:endParaRPr lang="de-CH"/>
          </a:p>
        </p:txBody>
      </p:sp>
      <p:pic>
        <p:nvPicPr>
          <p:cNvPr id="15" name="Content Placeholder 14" descr="Graphical user interface&#10;&#10;Description automatically generated with medium confidence">
            <a:extLst>
              <a:ext uri="{FF2B5EF4-FFF2-40B4-BE49-F238E27FC236}">
                <a16:creationId xmlns:a16="http://schemas.microsoft.com/office/drawing/2014/main" id="{8063562B-C099-E886-FCE3-A9E8AB859BD7}"/>
              </a:ext>
            </a:extLst>
          </p:cNvPr>
          <p:cNvPicPr>
            <a:picLocks noGrp="1" noChangeAspect="1"/>
          </p:cNvPicPr>
          <p:nvPr>
            <p:ph sz="half" idx="1"/>
          </p:nvPr>
        </p:nvPicPr>
        <p:blipFill>
          <a:blip r:embed="rId3">
            <a:extLst>
              <a:ext uri="{28A0092B-C50C-407E-A947-70E740481C1C}">
                <a14:useLocalDpi xmlns:a14="http://schemas.microsoft.com/office/drawing/2010/main" val="0"/>
              </a:ext>
            </a:extLst>
          </a:blip>
          <a:stretch>
            <a:fillRect/>
          </a:stretch>
        </p:blipFill>
        <p:spPr>
          <a:xfrm>
            <a:off x="1558925" y="2272506"/>
            <a:ext cx="3457575" cy="3248025"/>
          </a:xfrm>
        </p:spPr>
      </p:pic>
      <p:sp>
        <p:nvSpPr>
          <p:cNvPr id="11" name="Content Placeholder 10">
            <a:extLst>
              <a:ext uri="{FF2B5EF4-FFF2-40B4-BE49-F238E27FC236}">
                <a16:creationId xmlns:a16="http://schemas.microsoft.com/office/drawing/2014/main" id="{497398B9-E023-DBF4-A666-B7B59EE4604C}"/>
              </a:ext>
            </a:extLst>
          </p:cNvPr>
          <p:cNvSpPr>
            <a:spLocks noGrp="1"/>
          </p:cNvSpPr>
          <p:nvPr>
            <p:ph sz="half" idx="2"/>
          </p:nvPr>
        </p:nvSpPr>
        <p:spPr/>
        <p:txBody>
          <a:bodyPr/>
          <a:lstStyle/>
          <a:p>
            <a:pPr marL="285750" indent="-285750">
              <a:buFont typeface="Arial" panose="020B0604020202020204" pitchFamily="34" charset="0"/>
              <a:buChar char="•"/>
            </a:pPr>
            <a:r>
              <a:rPr lang="en-US" dirty="0" err="1"/>
              <a:t>Wenn</a:t>
            </a:r>
            <a:r>
              <a:rPr lang="en-US" dirty="0"/>
              <a:t> </a:t>
            </a:r>
            <a:r>
              <a:rPr lang="en-US" dirty="0" err="1"/>
              <a:t>nur</a:t>
            </a:r>
            <a:r>
              <a:rPr lang="en-US" dirty="0"/>
              <a:t> Cookies </a:t>
            </a:r>
            <a:r>
              <a:rPr lang="en-US" dirty="0" err="1"/>
              <a:t>verwendet</a:t>
            </a:r>
            <a:r>
              <a:rPr lang="en-US" dirty="0"/>
              <a:t> </a:t>
            </a:r>
            <a:r>
              <a:rPr lang="en-US" dirty="0" err="1"/>
              <a:t>ist</a:t>
            </a:r>
            <a:r>
              <a:rPr lang="en-US" dirty="0"/>
              <a:t> </a:t>
            </a:r>
            <a:r>
              <a:rPr lang="en-US" dirty="0" err="1"/>
              <a:t>eine</a:t>
            </a:r>
            <a:r>
              <a:rPr lang="en-US" dirty="0"/>
              <a:t> </a:t>
            </a:r>
            <a:r>
              <a:rPr lang="en-US" dirty="0" err="1"/>
              <a:t>Applikation</a:t>
            </a:r>
            <a:r>
              <a:rPr lang="en-US" dirty="0"/>
              <a:t> für </a:t>
            </a:r>
            <a:r>
              <a:rPr lang="de-CH" dirty="0"/>
              <a:t>Cross-Site-Request-</a:t>
            </a:r>
            <a:r>
              <a:rPr lang="de-CH" dirty="0" err="1"/>
              <a:t>Forgery</a:t>
            </a:r>
            <a:r>
              <a:rPr lang="de-CH" dirty="0"/>
              <a:t> (CSRF) Angriffe verwundbar, da der Browser die Cookies immer automatisch mitschickt</a:t>
            </a:r>
          </a:p>
          <a:p>
            <a:pPr marL="285750" indent="-285750">
              <a:buFont typeface="Arial" panose="020B0604020202020204" pitchFamily="34" charset="0"/>
              <a:buChar char="•"/>
            </a:pPr>
            <a:r>
              <a:rPr lang="de-CH" dirty="0"/>
              <a:t>Wird verhindert durch mitschicken eines zusätzlichen Tokens der beide Wege über Cookies übertragen wird</a:t>
            </a:r>
          </a:p>
          <a:p>
            <a:pPr marL="285750" indent="-285750">
              <a:buFont typeface="Arial" panose="020B0604020202020204" pitchFamily="34" charset="0"/>
              <a:buChar char="•"/>
            </a:pPr>
            <a:r>
              <a:rPr lang="de-CH" dirty="0"/>
              <a:t>Token kann in Session oder in einem JS-Cookie gespeichert werden</a:t>
            </a:r>
          </a:p>
          <a:p>
            <a:pPr marL="285750" indent="-285750">
              <a:buFont typeface="Arial" panose="020B0604020202020204" pitchFamily="34" charset="0"/>
              <a:buChar char="•"/>
            </a:pPr>
            <a:r>
              <a:rPr lang="de-CH" dirty="0"/>
              <a:t>Frontend muss CSRF-</a:t>
            </a:r>
            <a:r>
              <a:rPr lang="de-CH" dirty="0" err="1"/>
              <a:t>Protection</a:t>
            </a:r>
            <a:r>
              <a:rPr lang="de-CH" dirty="0"/>
              <a:t> unterstützten</a:t>
            </a:r>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6</a:t>
            </a:fld>
            <a:endParaRPr lang="de-CH" dirty="0"/>
          </a:p>
        </p:txBody>
      </p:sp>
    </p:spTree>
    <p:extLst>
      <p:ext uri="{BB962C8B-B14F-4D97-AF65-F5344CB8AC3E}">
        <p14:creationId xmlns:p14="http://schemas.microsoft.com/office/powerpoint/2010/main" val="39643142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Protection: CORS</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EE6F632A-7FF2-1D3F-B191-EFC2C54CC862}"/>
              </a:ext>
            </a:extLst>
          </p:cNvPr>
          <p:cNvSpPr>
            <a:spLocks noGrp="1"/>
          </p:cNvSpPr>
          <p:nvPr>
            <p:ph idx="1"/>
          </p:nvPr>
        </p:nvSpPr>
        <p:spPr/>
        <p:txBody>
          <a:bodyPr/>
          <a:lstStyle/>
          <a:p>
            <a:pPr marL="285750" indent="-285750">
              <a:buFont typeface="Arial" panose="020B0604020202020204" pitchFamily="34" charset="0"/>
              <a:buChar char="•"/>
            </a:pPr>
            <a:r>
              <a:rPr lang="en-US" dirty="0" err="1"/>
              <a:t>Standartmässig</a:t>
            </a:r>
            <a:r>
              <a:rPr lang="en-US" dirty="0"/>
              <a:t> </a:t>
            </a:r>
            <a:r>
              <a:rPr lang="en-US" dirty="0" err="1"/>
              <a:t>darf</a:t>
            </a:r>
            <a:r>
              <a:rPr lang="en-US" dirty="0"/>
              <a:t> </a:t>
            </a:r>
            <a:r>
              <a:rPr lang="en-US" dirty="0" err="1"/>
              <a:t>eine</a:t>
            </a:r>
            <a:r>
              <a:rPr lang="en-US" dirty="0"/>
              <a:t> </a:t>
            </a:r>
            <a:r>
              <a:rPr lang="en-US" dirty="0" err="1"/>
              <a:t>Applikation</a:t>
            </a:r>
            <a:r>
              <a:rPr lang="en-US" dirty="0"/>
              <a:t> </a:t>
            </a:r>
            <a:r>
              <a:rPr lang="en-US" dirty="0" err="1"/>
              <a:t>nicht</a:t>
            </a:r>
            <a:r>
              <a:rPr lang="en-US" dirty="0"/>
              <a:t> auf </a:t>
            </a:r>
            <a:r>
              <a:rPr lang="en-US" dirty="0" err="1"/>
              <a:t>Resourcen</a:t>
            </a:r>
            <a:r>
              <a:rPr lang="en-US" dirty="0"/>
              <a:t> </a:t>
            </a:r>
            <a:r>
              <a:rPr lang="en-US" dirty="0" err="1"/>
              <a:t>einer</a:t>
            </a:r>
            <a:r>
              <a:rPr lang="en-US" dirty="0"/>
              <a:t> </a:t>
            </a:r>
            <a:r>
              <a:rPr lang="en-US" dirty="0" err="1"/>
              <a:t>anderen</a:t>
            </a:r>
            <a:r>
              <a:rPr lang="en-US" dirty="0"/>
              <a:t> “</a:t>
            </a:r>
            <a:r>
              <a:rPr lang="en-US" dirty="0" err="1"/>
              <a:t>Orign</a:t>
            </a:r>
            <a:r>
              <a:rPr lang="en-US" dirty="0"/>
              <a:t>” </a:t>
            </a:r>
            <a:r>
              <a:rPr lang="en-US" dirty="0" err="1"/>
              <a:t>zugreifen</a:t>
            </a:r>
            <a:endParaRPr lang="en-US" dirty="0"/>
          </a:p>
          <a:p>
            <a:pPr marL="285750" indent="-285750">
              <a:buFont typeface="Arial" panose="020B0604020202020204" pitchFamily="34" charset="0"/>
              <a:buChar char="•"/>
            </a:pPr>
            <a:r>
              <a:rPr lang="en-US" dirty="0" err="1"/>
              <a:t>Kann</a:t>
            </a:r>
            <a:r>
              <a:rPr lang="en-US" dirty="0"/>
              <a:t> </a:t>
            </a:r>
            <a:r>
              <a:rPr lang="en-US" dirty="0" err="1"/>
              <a:t>mittels</a:t>
            </a:r>
            <a:r>
              <a:rPr lang="en-US" dirty="0"/>
              <a:t> </a:t>
            </a:r>
            <a:r>
              <a:rPr lang="en-US" dirty="0" err="1"/>
              <a:t>zusätzlichen</a:t>
            </a:r>
            <a:r>
              <a:rPr lang="en-US" dirty="0"/>
              <a:t> Response-Headers </a:t>
            </a:r>
            <a:r>
              <a:rPr lang="en-US" dirty="0" err="1"/>
              <a:t>gesteuert</a:t>
            </a:r>
            <a:r>
              <a:rPr lang="en-US" dirty="0"/>
              <a:t> </a:t>
            </a:r>
            <a:r>
              <a:rPr lang="en-US" dirty="0" err="1"/>
              <a:t>werden</a:t>
            </a:r>
            <a:endParaRPr lang="en-CH" dirty="0"/>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7</a:t>
            </a:fld>
            <a:endParaRPr lang="de-CH" dirty="0"/>
          </a:p>
        </p:txBody>
      </p:sp>
    </p:spTree>
    <p:extLst>
      <p:ext uri="{BB962C8B-B14F-4D97-AF65-F5344CB8AC3E}">
        <p14:creationId xmlns:p14="http://schemas.microsoft.com/office/powerpoint/2010/main" val="360443236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OpenID Connect</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pic>
        <p:nvPicPr>
          <p:cNvPr id="19" name="Content Placeholder 18" descr="User with solid fill">
            <a:extLst>
              <a:ext uri="{FF2B5EF4-FFF2-40B4-BE49-F238E27FC236}">
                <a16:creationId xmlns:a16="http://schemas.microsoft.com/office/drawing/2014/main" id="{58D0D228-E218-6D7E-BBBA-8E3A11B45FD5}"/>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646912" y="3418426"/>
            <a:ext cx="914400" cy="914400"/>
          </a:xfrm>
        </p:spPr>
      </p:pic>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8</a:t>
            </a:fld>
            <a:endParaRPr lang="de-CH" dirty="0"/>
          </a:p>
        </p:txBody>
      </p:sp>
      <p:sp>
        <p:nvSpPr>
          <p:cNvPr id="10" name="Rectangle: Rounded Corners 9">
            <a:extLst>
              <a:ext uri="{FF2B5EF4-FFF2-40B4-BE49-F238E27FC236}">
                <a16:creationId xmlns:a16="http://schemas.microsoft.com/office/drawing/2014/main" id="{C5AEC600-C6EB-5119-9D79-61EE815DCA99}"/>
              </a:ext>
            </a:extLst>
          </p:cNvPr>
          <p:cNvSpPr/>
          <p:nvPr/>
        </p:nvSpPr>
        <p:spPr bwMode="gray">
          <a:xfrm>
            <a:off x="9040360" y="1771488"/>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err="1"/>
              <a:t>Authorization</a:t>
            </a:r>
            <a:r>
              <a:rPr lang="de-CH" sz="1600" dirty="0"/>
              <a:t> Server (OIDC Provider) </a:t>
            </a:r>
            <a:endParaRPr lang="de-CH" sz="1600" spc="20" dirty="0">
              <a:solidFill>
                <a:schemeClr val="bg1"/>
              </a:solidFill>
            </a:endParaRPr>
          </a:p>
        </p:txBody>
      </p:sp>
      <p:sp>
        <p:nvSpPr>
          <p:cNvPr id="11" name="Rectangle: Rounded Corners 10">
            <a:extLst>
              <a:ext uri="{FF2B5EF4-FFF2-40B4-BE49-F238E27FC236}">
                <a16:creationId xmlns:a16="http://schemas.microsoft.com/office/drawing/2014/main" id="{2C890A22-A847-77E2-8D83-F1D9992CA5DF}"/>
              </a:ext>
            </a:extLst>
          </p:cNvPr>
          <p:cNvSpPr/>
          <p:nvPr/>
        </p:nvSpPr>
        <p:spPr bwMode="gray">
          <a:xfrm>
            <a:off x="9040360" y="3355672"/>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a:t>User-Agent </a:t>
            </a:r>
            <a:endParaRPr lang="de-CH" sz="1600" spc="20" dirty="0">
              <a:solidFill>
                <a:schemeClr val="bg1"/>
              </a:solidFill>
            </a:endParaRPr>
          </a:p>
        </p:txBody>
      </p:sp>
      <p:sp>
        <p:nvSpPr>
          <p:cNvPr id="12" name="Rectangle: Rounded Corners 11">
            <a:extLst>
              <a:ext uri="{FF2B5EF4-FFF2-40B4-BE49-F238E27FC236}">
                <a16:creationId xmlns:a16="http://schemas.microsoft.com/office/drawing/2014/main" id="{A0CACA27-B96C-88ED-C948-0E2DF57D595E}"/>
              </a:ext>
            </a:extLst>
          </p:cNvPr>
          <p:cNvSpPr/>
          <p:nvPr/>
        </p:nvSpPr>
        <p:spPr bwMode="gray">
          <a:xfrm>
            <a:off x="9040360" y="4939704"/>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a:t>Client (</a:t>
            </a:r>
            <a:r>
              <a:rPr lang="de-CH" sz="1600" dirty="0" err="1"/>
              <a:t>Relying</a:t>
            </a:r>
            <a:r>
              <a:rPr lang="de-CH" sz="1600" dirty="0"/>
              <a:t> Party) </a:t>
            </a:r>
            <a:endParaRPr lang="de-CH" sz="1600" spc="20" dirty="0">
              <a:solidFill>
                <a:schemeClr val="bg1"/>
              </a:solidFill>
            </a:endParaRPr>
          </a:p>
        </p:txBody>
      </p:sp>
      <p:sp>
        <p:nvSpPr>
          <p:cNvPr id="13" name="Rectangle: Rounded Corners 12">
            <a:extLst>
              <a:ext uri="{FF2B5EF4-FFF2-40B4-BE49-F238E27FC236}">
                <a16:creationId xmlns:a16="http://schemas.microsoft.com/office/drawing/2014/main" id="{CD888157-8249-2FF7-D654-1BB5A9BE9694}"/>
              </a:ext>
            </a:extLst>
          </p:cNvPr>
          <p:cNvSpPr/>
          <p:nvPr/>
        </p:nvSpPr>
        <p:spPr bwMode="gray">
          <a:xfrm>
            <a:off x="6240016" y="4939200"/>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err="1"/>
              <a:t>Resource</a:t>
            </a:r>
            <a:r>
              <a:rPr lang="de-CH" sz="1600" dirty="0"/>
              <a:t> Server</a:t>
            </a:r>
            <a:endParaRPr lang="de-CH" sz="1600" spc="20" dirty="0">
              <a:solidFill>
                <a:schemeClr val="bg1"/>
              </a:solidFill>
            </a:endParaRPr>
          </a:p>
        </p:txBody>
      </p:sp>
      <p:sp>
        <p:nvSpPr>
          <p:cNvPr id="14" name="Arrow: Left-Right 13">
            <a:extLst>
              <a:ext uri="{FF2B5EF4-FFF2-40B4-BE49-F238E27FC236}">
                <a16:creationId xmlns:a16="http://schemas.microsoft.com/office/drawing/2014/main" id="{AE6E6468-FC06-E27E-4B8B-9B9767205300}"/>
              </a:ext>
            </a:extLst>
          </p:cNvPr>
          <p:cNvSpPr/>
          <p:nvPr/>
        </p:nvSpPr>
        <p:spPr bwMode="gray">
          <a:xfrm>
            <a:off x="8067156" y="5299240"/>
            <a:ext cx="864096" cy="216024"/>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6" name="Arrow: Left-Right 15">
            <a:extLst>
              <a:ext uri="{FF2B5EF4-FFF2-40B4-BE49-F238E27FC236}">
                <a16:creationId xmlns:a16="http://schemas.microsoft.com/office/drawing/2014/main" id="{DD602CE3-3CB5-78F4-82B6-4FCC815F13AE}"/>
              </a:ext>
            </a:extLst>
          </p:cNvPr>
          <p:cNvSpPr/>
          <p:nvPr/>
        </p:nvSpPr>
        <p:spPr bwMode="gray">
          <a:xfrm rot="16200000">
            <a:off x="9638438" y="2932682"/>
            <a:ext cx="532036" cy="19790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7" name="Arrow: Left-Right 16">
            <a:extLst>
              <a:ext uri="{FF2B5EF4-FFF2-40B4-BE49-F238E27FC236}">
                <a16:creationId xmlns:a16="http://schemas.microsoft.com/office/drawing/2014/main" id="{E337843E-3699-47C7-CFF1-AC3022B8EF3E}"/>
              </a:ext>
            </a:extLst>
          </p:cNvPr>
          <p:cNvSpPr/>
          <p:nvPr/>
        </p:nvSpPr>
        <p:spPr bwMode="gray">
          <a:xfrm rot="16200000">
            <a:off x="9650176" y="4499894"/>
            <a:ext cx="532036" cy="19790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20" name="Arrow: Left-Right 19">
            <a:extLst>
              <a:ext uri="{FF2B5EF4-FFF2-40B4-BE49-F238E27FC236}">
                <a16:creationId xmlns:a16="http://schemas.microsoft.com/office/drawing/2014/main" id="{A3E7C6EC-4616-7B78-B4A5-1B7C9D0CF5CC}"/>
              </a:ext>
            </a:extLst>
          </p:cNvPr>
          <p:cNvSpPr/>
          <p:nvPr/>
        </p:nvSpPr>
        <p:spPr bwMode="gray">
          <a:xfrm rot="10800000">
            <a:off x="7749312" y="3718202"/>
            <a:ext cx="864096" cy="219726"/>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21" name="Content Placeholder 4">
            <a:extLst>
              <a:ext uri="{FF2B5EF4-FFF2-40B4-BE49-F238E27FC236}">
                <a16:creationId xmlns:a16="http://schemas.microsoft.com/office/drawing/2014/main" id="{DCDEBAB3-4BF5-A792-4C3E-66E1695F2329}"/>
              </a:ext>
            </a:extLst>
          </p:cNvPr>
          <p:cNvSpPr txBox="1">
            <a:spLocks/>
          </p:cNvSpPr>
          <p:nvPr/>
        </p:nvSpPr>
        <p:spPr bwMode="gray">
          <a:xfrm>
            <a:off x="619304" y="1628800"/>
            <a:ext cx="5476696" cy="4536000"/>
          </a:xfrm>
          <a:prstGeom prst="rect">
            <a:avLst/>
          </a:prstGeom>
        </p:spPr>
        <p:txBody>
          <a:bodyPr vert="horz" lIns="0" tIns="0" rIns="0" bIns="0" rtlCol="0">
            <a:noAutofit/>
          </a:bodyPr>
          <a:lst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a:lstStyle>
          <a:p>
            <a:pPr marL="285750" indent="-285750">
              <a:buFont typeface="Arial" panose="020B0604020202020204" pitchFamily="34" charset="0"/>
              <a:buChar char="•"/>
            </a:pPr>
            <a:r>
              <a:rPr lang="de-CH" b="1" dirty="0" err="1"/>
              <a:t>Resource</a:t>
            </a:r>
            <a:r>
              <a:rPr lang="de-CH" b="1" dirty="0"/>
              <a:t> </a:t>
            </a:r>
            <a:r>
              <a:rPr lang="de-CH" b="1" dirty="0" err="1"/>
              <a:t>Owner</a:t>
            </a:r>
            <a:r>
              <a:rPr lang="de-CH" dirty="0"/>
              <a:t>: Benutzer User-Agent: Browser, kann aber auch Teil einer Applikation sein (z.B. </a:t>
            </a:r>
            <a:r>
              <a:rPr lang="de-CH" dirty="0" err="1"/>
              <a:t>FatClient</a:t>
            </a:r>
            <a:r>
              <a:rPr lang="de-CH" dirty="0"/>
              <a:t>, Mobile-App)</a:t>
            </a:r>
          </a:p>
          <a:p>
            <a:pPr marL="285750" indent="-285750">
              <a:buFont typeface="Arial" panose="020B0604020202020204" pitchFamily="34" charset="0"/>
              <a:buChar char="•"/>
            </a:pPr>
            <a:r>
              <a:rPr lang="de-CH" b="1" dirty="0"/>
              <a:t>Client</a:t>
            </a:r>
            <a:r>
              <a:rPr lang="de-CH" dirty="0"/>
              <a:t>: Eine Applikation, kann eine SPA (läuft Lokal im Browser) oder eine Web-Applikation sein</a:t>
            </a:r>
          </a:p>
          <a:p>
            <a:pPr marL="285750" indent="-285750">
              <a:buFont typeface="Arial" panose="020B0604020202020204" pitchFamily="34" charset="0"/>
              <a:buChar char="•"/>
            </a:pPr>
            <a:r>
              <a:rPr lang="de-CH" b="1" dirty="0" err="1"/>
              <a:t>Resource</a:t>
            </a:r>
            <a:r>
              <a:rPr lang="de-CH" b="1" dirty="0"/>
              <a:t> Server</a:t>
            </a:r>
            <a:r>
              <a:rPr lang="de-CH" dirty="0"/>
              <a:t>: Service auf den der Client zugreifen will (z.B. ein Microservice)</a:t>
            </a:r>
          </a:p>
          <a:p>
            <a:pPr marL="285750" indent="-285750">
              <a:buFont typeface="Arial" panose="020B0604020202020204" pitchFamily="34" charset="0"/>
              <a:buChar char="•"/>
            </a:pPr>
            <a:r>
              <a:rPr lang="de-CH" b="1" dirty="0" err="1"/>
              <a:t>Authorization</a:t>
            </a:r>
            <a:r>
              <a:rPr lang="de-CH" b="1" dirty="0"/>
              <a:t> Server</a:t>
            </a:r>
            <a:r>
              <a:rPr lang="de-CH" dirty="0"/>
              <a:t>: Service der Benutzer authentisieren kann </a:t>
            </a:r>
          </a:p>
          <a:p>
            <a:pPr marL="285750" indent="-285750">
              <a:buFont typeface="Arial" panose="020B0604020202020204" pitchFamily="34" charset="0"/>
              <a:buChar char="•"/>
            </a:pPr>
            <a:endParaRPr lang="de-CH" dirty="0"/>
          </a:p>
        </p:txBody>
      </p:sp>
    </p:spTree>
    <p:extLst>
      <p:ext uri="{BB962C8B-B14F-4D97-AF65-F5344CB8AC3E}">
        <p14:creationId xmlns:p14="http://schemas.microsoft.com/office/powerpoint/2010/main" val="214267895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626BE9E-851C-24AB-40A6-B0C49F347B9E}"/>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21151AD3-678D-3A5A-4B3B-AC22A03DA8A4}"/>
              </a:ext>
            </a:extLst>
          </p:cNvPr>
          <p:cNvSpPr>
            <a:spLocks noGrp="1"/>
          </p:cNvSpPr>
          <p:nvPr>
            <p:ph type="title"/>
          </p:nvPr>
        </p:nvSpPr>
        <p:spPr/>
        <p:txBody>
          <a:bodyPr/>
          <a:lstStyle/>
          <a:p>
            <a:r>
              <a:rPr lang="en-US" dirty="0"/>
              <a:t>OpenID Connect - </a:t>
            </a:r>
            <a:r>
              <a:rPr lang="de-CH" dirty="0" err="1"/>
              <a:t>CodeFlow</a:t>
            </a:r>
            <a:endParaRPr lang="en-CH" dirty="0"/>
          </a:p>
        </p:txBody>
      </p:sp>
      <p:sp>
        <p:nvSpPr>
          <p:cNvPr id="4" name="Subtitle 3">
            <a:extLst>
              <a:ext uri="{FF2B5EF4-FFF2-40B4-BE49-F238E27FC236}">
                <a16:creationId xmlns:a16="http://schemas.microsoft.com/office/drawing/2014/main" id="{82CAB37B-C71C-FDB4-C021-59F962CBC7D7}"/>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EE6F632A-7FF2-1D3F-B191-EFC2C54CC862}"/>
              </a:ext>
            </a:extLst>
          </p:cNvPr>
          <p:cNvSpPr>
            <a:spLocks noGrp="1"/>
          </p:cNvSpPr>
          <p:nvPr>
            <p:ph idx="1"/>
          </p:nvPr>
        </p:nvSpPr>
        <p:spPr>
          <a:xfrm>
            <a:off x="619304" y="1628800"/>
            <a:ext cx="5432712" cy="4536000"/>
          </a:xfrm>
        </p:spPr>
        <p:txBody>
          <a:bodyPr/>
          <a:lstStyle/>
          <a:p>
            <a:pPr marL="342900" indent="-342900">
              <a:buAutoNum type="arabicPeriod"/>
            </a:pPr>
            <a:r>
              <a:rPr lang="de-CH" b="0" i="0" dirty="0">
                <a:solidFill>
                  <a:srgbClr val="000000"/>
                </a:solidFill>
                <a:effectLst/>
              </a:rPr>
              <a:t>Client will Zugriff auf eine Ressource und schickt einen </a:t>
            </a:r>
            <a:r>
              <a:rPr lang="de-CH" b="1" i="0" dirty="0" err="1">
                <a:solidFill>
                  <a:srgbClr val="000000"/>
                </a:solidFill>
                <a:effectLst/>
              </a:rPr>
              <a:t>AuthenticationRequest</a:t>
            </a:r>
            <a:r>
              <a:rPr lang="de-CH" b="1" i="0" dirty="0">
                <a:solidFill>
                  <a:srgbClr val="000000"/>
                </a:solidFill>
                <a:effectLst/>
              </a:rPr>
              <a:t> </a:t>
            </a:r>
            <a:r>
              <a:rPr lang="de-CH" b="0" i="0" dirty="0">
                <a:solidFill>
                  <a:srgbClr val="000000"/>
                </a:solidFill>
                <a:effectLst/>
              </a:rPr>
              <a:t>über User-Agent an </a:t>
            </a:r>
            <a:r>
              <a:rPr lang="de-CH" b="0" i="0" dirty="0" err="1">
                <a:solidFill>
                  <a:srgbClr val="000000"/>
                </a:solidFill>
                <a:effectLst/>
              </a:rPr>
              <a:t>Authorization</a:t>
            </a:r>
            <a:r>
              <a:rPr lang="de-CH" b="0" i="0" dirty="0">
                <a:solidFill>
                  <a:srgbClr val="000000"/>
                </a:solidFill>
                <a:effectLst/>
              </a:rPr>
              <a:t> Server</a:t>
            </a:r>
          </a:p>
          <a:p>
            <a:pPr marL="342900" indent="-342900">
              <a:buAutoNum type="arabicPeriod"/>
            </a:pPr>
            <a:r>
              <a:rPr lang="de-CH" b="0" i="0" dirty="0">
                <a:solidFill>
                  <a:srgbClr val="000000"/>
                </a:solidFill>
                <a:effectLst/>
              </a:rPr>
              <a:t>Benutzer authentisiert sich beim </a:t>
            </a:r>
            <a:r>
              <a:rPr lang="de-CH" b="0" i="0" dirty="0" err="1">
                <a:solidFill>
                  <a:srgbClr val="000000"/>
                </a:solidFill>
                <a:effectLst/>
              </a:rPr>
              <a:t>Authorization</a:t>
            </a:r>
            <a:r>
              <a:rPr lang="de-CH" b="0" i="0" dirty="0">
                <a:solidFill>
                  <a:srgbClr val="000000"/>
                </a:solidFill>
                <a:effectLst/>
              </a:rPr>
              <a:t> Server (falls notwendig)</a:t>
            </a:r>
            <a:endParaRPr lang="de-CH" dirty="0">
              <a:solidFill>
                <a:srgbClr val="000000"/>
              </a:solidFill>
            </a:endParaRPr>
          </a:p>
          <a:p>
            <a:pPr marL="342900" indent="-342900">
              <a:buAutoNum type="arabicPeriod"/>
            </a:pPr>
            <a:r>
              <a:rPr lang="de-CH" b="0" i="0" dirty="0" err="1">
                <a:solidFill>
                  <a:srgbClr val="000000"/>
                </a:solidFill>
                <a:effectLst/>
              </a:rPr>
              <a:t>Authorization</a:t>
            </a:r>
            <a:r>
              <a:rPr lang="de-CH" b="0" i="0" dirty="0">
                <a:solidFill>
                  <a:srgbClr val="000000"/>
                </a:solidFill>
                <a:effectLst/>
              </a:rPr>
              <a:t> Server schickt eine </a:t>
            </a:r>
            <a:r>
              <a:rPr lang="de-CH" b="1" i="0" dirty="0">
                <a:solidFill>
                  <a:srgbClr val="000000"/>
                </a:solidFill>
                <a:effectLst/>
              </a:rPr>
              <a:t>Code-Response </a:t>
            </a:r>
            <a:r>
              <a:rPr lang="de-CH" b="0" i="0" dirty="0">
                <a:solidFill>
                  <a:srgbClr val="000000"/>
                </a:solidFill>
                <a:effectLst/>
              </a:rPr>
              <a:t>an den Client</a:t>
            </a:r>
            <a:endParaRPr lang="de-CH" dirty="0">
              <a:solidFill>
                <a:srgbClr val="000000"/>
              </a:solidFill>
            </a:endParaRPr>
          </a:p>
          <a:p>
            <a:pPr marL="342900" indent="-342900">
              <a:buAutoNum type="arabicPeriod"/>
            </a:pPr>
            <a:r>
              <a:rPr lang="de-CH" b="0" i="0" dirty="0">
                <a:solidFill>
                  <a:srgbClr val="000000"/>
                </a:solidFill>
                <a:effectLst/>
              </a:rPr>
              <a:t>Client kann sich mit Code einen Token holen</a:t>
            </a:r>
            <a:endParaRPr lang="de-CH" dirty="0">
              <a:solidFill>
                <a:srgbClr val="000000"/>
              </a:solidFill>
            </a:endParaRPr>
          </a:p>
          <a:p>
            <a:pPr marL="342900" indent="-342900">
              <a:buAutoNum type="arabicPeriod"/>
            </a:pPr>
            <a:r>
              <a:rPr lang="de-CH" b="0" i="0" dirty="0">
                <a:solidFill>
                  <a:srgbClr val="000000"/>
                </a:solidFill>
                <a:effectLst/>
              </a:rPr>
              <a:t>Client kann mit Token auf Ressource zugreifen</a:t>
            </a:r>
            <a:r>
              <a:rPr lang="de-CH" dirty="0"/>
              <a:t> </a:t>
            </a:r>
            <a:br>
              <a:rPr lang="de-CH" dirty="0"/>
            </a:br>
            <a:endParaRPr lang="en-CH" dirty="0"/>
          </a:p>
        </p:txBody>
      </p:sp>
      <p:sp>
        <p:nvSpPr>
          <p:cNvPr id="6" name="Date Placeholder 5">
            <a:extLst>
              <a:ext uri="{FF2B5EF4-FFF2-40B4-BE49-F238E27FC236}">
                <a16:creationId xmlns:a16="http://schemas.microsoft.com/office/drawing/2014/main" id="{ED7FF01F-8B28-79AD-06B8-F4B89AB1250C}"/>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38D2D447-27A1-8236-6CBF-8EC2F359346D}"/>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09763D14-C208-0CA0-8842-6D2AB13DF9D3}"/>
              </a:ext>
            </a:extLst>
          </p:cNvPr>
          <p:cNvSpPr>
            <a:spLocks noGrp="1"/>
          </p:cNvSpPr>
          <p:nvPr>
            <p:ph type="sldNum" sz="quarter" idx="20"/>
          </p:nvPr>
        </p:nvSpPr>
        <p:spPr/>
        <p:txBody>
          <a:bodyPr/>
          <a:lstStyle/>
          <a:p>
            <a:r>
              <a:rPr lang="de-CH"/>
              <a:t>| </a:t>
            </a:r>
            <a:fld id="{8CF9DE7D-F270-4E16-BA04-5BCA8969A2EA}" type="slidenum">
              <a:rPr lang="de-CH" smtClean="0"/>
              <a:pPr/>
              <a:t>19</a:t>
            </a:fld>
            <a:endParaRPr lang="de-CH" dirty="0"/>
          </a:p>
        </p:txBody>
      </p:sp>
      <p:pic>
        <p:nvPicPr>
          <p:cNvPr id="10" name="Content Placeholder 18" descr="User with solid fill">
            <a:extLst>
              <a:ext uri="{FF2B5EF4-FFF2-40B4-BE49-F238E27FC236}">
                <a16:creationId xmlns:a16="http://schemas.microsoft.com/office/drawing/2014/main" id="{CD2A6370-509E-469F-AF39-3B8F8D3B6378}"/>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bwMode="gray">
          <a:xfrm>
            <a:off x="6646912" y="3418426"/>
            <a:ext cx="914400" cy="914400"/>
          </a:xfrm>
          <a:prstGeom prst="rect">
            <a:avLst/>
          </a:prstGeom>
        </p:spPr>
      </p:pic>
      <p:sp>
        <p:nvSpPr>
          <p:cNvPr id="11" name="Slide Number Placeholder 7">
            <a:extLst>
              <a:ext uri="{FF2B5EF4-FFF2-40B4-BE49-F238E27FC236}">
                <a16:creationId xmlns:a16="http://schemas.microsoft.com/office/drawing/2014/main" id="{BA54BF1C-BABE-1816-EA5B-64CBBD0EAC0C}"/>
              </a:ext>
            </a:extLst>
          </p:cNvPr>
          <p:cNvSpPr txBox="1">
            <a:spLocks/>
          </p:cNvSpPr>
          <p:nvPr/>
        </p:nvSpPr>
        <p:spPr>
          <a:xfrm>
            <a:off x="11178000" y="6382800"/>
            <a:ext cx="392400" cy="144000"/>
          </a:xfrm>
          <a:prstGeom prst="rect">
            <a:avLst/>
          </a:prstGeom>
        </p:spPr>
        <p:txBody>
          <a:bodyPr vert="horz" wrap="square" lIns="0" tIns="0" rIns="0" bIns="0" rtlCol="0" anchor="ctr"/>
          <a:lstStyle>
            <a:defPPr>
              <a:defRPr lang="de-DE"/>
            </a:defPPr>
            <a:lvl1pPr marL="0" algn="r" defTabSz="914400" rtl="0" eaLnBrk="1" latinLnBrk="0" hangingPunct="1">
              <a:defRPr sz="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e-CH"/>
              <a:t>| </a:t>
            </a:r>
            <a:fld id="{8CF9DE7D-F270-4E16-BA04-5BCA8969A2EA}" type="slidenum">
              <a:rPr lang="de-CH" smtClean="0"/>
              <a:pPr/>
              <a:t>19</a:t>
            </a:fld>
            <a:endParaRPr lang="de-CH" dirty="0"/>
          </a:p>
        </p:txBody>
      </p:sp>
      <p:sp>
        <p:nvSpPr>
          <p:cNvPr id="12" name="Rectangle: Rounded Corners 11">
            <a:extLst>
              <a:ext uri="{FF2B5EF4-FFF2-40B4-BE49-F238E27FC236}">
                <a16:creationId xmlns:a16="http://schemas.microsoft.com/office/drawing/2014/main" id="{6E9CE671-5336-3741-6730-8543F88EB36B}"/>
              </a:ext>
            </a:extLst>
          </p:cNvPr>
          <p:cNvSpPr/>
          <p:nvPr/>
        </p:nvSpPr>
        <p:spPr bwMode="gray">
          <a:xfrm>
            <a:off x="9040360" y="1771488"/>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err="1"/>
              <a:t>Authorization</a:t>
            </a:r>
            <a:r>
              <a:rPr lang="de-CH" sz="1600" dirty="0"/>
              <a:t> Server (OIDC Provider) </a:t>
            </a:r>
            <a:endParaRPr lang="de-CH" sz="1600" spc="20" dirty="0">
              <a:solidFill>
                <a:schemeClr val="bg1"/>
              </a:solidFill>
            </a:endParaRPr>
          </a:p>
        </p:txBody>
      </p:sp>
      <p:sp>
        <p:nvSpPr>
          <p:cNvPr id="13" name="Rectangle: Rounded Corners 12">
            <a:extLst>
              <a:ext uri="{FF2B5EF4-FFF2-40B4-BE49-F238E27FC236}">
                <a16:creationId xmlns:a16="http://schemas.microsoft.com/office/drawing/2014/main" id="{0C13439B-3579-EDF6-EBE6-5B3CC05CF1ED}"/>
              </a:ext>
            </a:extLst>
          </p:cNvPr>
          <p:cNvSpPr/>
          <p:nvPr/>
        </p:nvSpPr>
        <p:spPr bwMode="gray">
          <a:xfrm>
            <a:off x="9040360" y="3355672"/>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a:t>User-Agent </a:t>
            </a:r>
            <a:endParaRPr lang="de-CH" sz="1600" spc="20" dirty="0">
              <a:solidFill>
                <a:schemeClr val="bg1"/>
              </a:solidFill>
            </a:endParaRPr>
          </a:p>
        </p:txBody>
      </p:sp>
      <p:sp>
        <p:nvSpPr>
          <p:cNvPr id="14" name="Rectangle: Rounded Corners 13">
            <a:extLst>
              <a:ext uri="{FF2B5EF4-FFF2-40B4-BE49-F238E27FC236}">
                <a16:creationId xmlns:a16="http://schemas.microsoft.com/office/drawing/2014/main" id="{AE92A402-F022-48EF-102D-DF4D34F6006E}"/>
              </a:ext>
            </a:extLst>
          </p:cNvPr>
          <p:cNvSpPr/>
          <p:nvPr/>
        </p:nvSpPr>
        <p:spPr bwMode="gray">
          <a:xfrm>
            <a:off x="9040360" y="4939704"/>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a:t>Client (</a:t>
            </a:r>
            <a:r>
              <a:rPr lang="de-CH" sz="1600" dirty="0" err="1"/>
              <a:t>Relying</a:t>
            </a:r>
            <a:r>
              <a:rPr lang="de-CH" sz="1600" dirty="0"/>
              <a:t> Party) </a:t>
            </a:r>
            <a:endParaRPr lang="de-CH" sz="1600" spc="20" dirty="0">
              <a:solidFill>
                <a:schemeClr val="bg1"/>
              </a:solidFill>
            </a:endParaRPr>
          </a:p>
        </p:txBody>
      </p:sp>
      <p:sp>
        <p:nvSpPr>
          <p:cNvPr id="15" name="Rectangle: Rounded Corners 14">
            <a:extLst>
              <a:ext uri="{FF2B5EF4-FFF2-40B4-BE49-F238E27FC236}">
                <a16:creationId xmlns:a16="http://schemas.microsoft.com/office/drawing/2014/main" id="{B44E4995-222E-4AC0-BA22-31CABFFA57F3}"/>
              </a:ext>
            </a:extLst>
          </p:cNvPr>
          <p:cNvSpPr/>
          <p:nvPr/>
        </p:nvSpPr>
        <p:spPr bwMode="gray">
          <a:xfrm>
            <a:off x="6240016" y="4939200"/>
            <a:ext cx="1728192" cy="936104"/>
          </a:xfrm>
          <a:prstGeom prst="round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dirty="0" err="1"/>
              <a:t>Resource</a:t>
            </a:r>
            <a:r>
              <a:rPr lang="de-CH" sz="1600" dirty="0"/>
              <a:t> Server</a:t>
            </a:r>
            <a:endParaRPr lang="de-CH" sz="1600" spc="20" dirty="0">
              <a:solidFill>
                <a:schemeClr val="bg1"/>
              </a:solidFill>
            </a:endParaRPr>
          </a:p>
        </p:txBody>
      </p:sp>
      <p:sp>
        <p:nvSpPr>
          <p:cNvPr id="19" name="Arrow: Left-Right 18">
            <a:extLst>
              <a:ext uri="{FF2B5EF4-FFF2-40B4-BE49-F238E27FC236}">
                <a16:creationId xmlns:a16="http://schemas.microsoft.com/office/drawing/2014/main" id="{FB98B902-817B-B665-5BB3-815D776F9E8A}"/>
              </a:ext>
            </a:extLst>
          </p:cNvPr>
          <p:cNvSpPr/>
          <p:nvPr/>
        </p:nvSpPr>
        <p:spPr bwMode="gray">
          <a:xfrm>
            <a:off x="7608168" y="3646089"/>
            <a:ext cx="1152128" cy="35527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400" spc="20" dirty="0">
                <a:solidFill>
                  <a:schemeClr val="bg1"/>
                </a:solidFill>
              </a:rPr>
              <a:t>2</a:t>
            </a:r>
            <a:endParaRPr lang="de-CH" sz="1400" spc="20" dirty="0" err="1">
              <a:solidFill>
                <a:schemeClr val="bg1"/>
              </a:solidFill>
            </a:endParaRPr>
          </a:p>
        </p:txBody>
      </p:sp>
      <p:sp>
        <p:nvSpPr>
          <p:cNvPr id="22" name="Arrow: Right 21">
            <a:extLst>
              <a:ext uri="{FF2B5EF4-FFF2-40B4-BE49-F238E27FC236}">
                <a16:creationId xmlns:a16="http://schemas.microsoft.com/office/drawing/2014/main" id="{B5CA9CEB-2008-19FB-0741-BFBEE432DE91}"/>
              </a:ext>
            </a:extLst>
          </p:cNvPr>
          <p:cNvSpPr/>
          <p:nvPr/>
        </p:nvSpPr>
        <p:spPr bwMode="gray">
          <a:xfrm rot="16200000">
            <a:off x="9175971" y="2844451"/>
            <a:ext cx="532036" cy="355274"/>
          </a:xfrm>
          <a:prstGeom prst="rightArrow">
            <a:avLst>
              <a:gd name="adj1" fmla="val 50000"/>
              <a:gd name="adj2" fmla="val 4932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 lIns="0" tIns="0" rIns="0" bIns="0" rtlCol="0" anchor="ctr"/>
          <a:lstStyle/>
          <a:p>
            <a:pPr algn="ctr">
              <a:lnSpc>
                <a:spcPct val="120000"/>
              </a:lnSpc>
            </a:pPr>
            <a:r>
              <a:rPr lang="en-US" sz="1600" spc="20" dirty="0">
                <a:solidFill>
                  <a:schemeClr val="bg1"/>
                </a:solidFill>
              </a:rPr>
              <a:t>1</a:t>
            </a:r>
            <a:endParaRPr lang="de-CH" sz="1600" spc="20" dirty="0" err="1">
              <a:solidFill>
                <a:schemeClr val="bg1"/>
              </a:solidFill>
            </a:endParaRPr>
          </a:p>
        </p:txBody>
      </p:sp>
      <p:sp>
        <p:nvSpPr>
          <p:cNvPr id="27" name="Arrow: Left-Right 26">
            <a:extLst>
              <a:ext uri="{FF2B5EF4-FFF2-40B4-BE49-F238E27FC236}">
                <a16:creationId xmlns:a16="http://schemas.microsoft.com/office/drawing/2014/main" id="{E3BEBD79-26FB-448C-FD6C-2C04C20F58A6}"/>
              </a:ext>
            </a:extLst>
          </p:cNvPr>
          <p:cNvSpPr/>
          <p:nvPr/>
        </p:nvSpPr>
        <p:spPr bwMode="gray">
          <a:xfrm>
            <a:off x="8072236" y="5229200"/>
            <a:ext cx="864096" cy="35527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400" spc="20" dirty="0">
                <a:solidFill>
                  <a:schemeClr val="bg1"/>
                </a:solidFill>
              </a:rPr>
              <a:t>5</a:t>
            </a:r>
            <a:endParaRPr lang="de-CH" sz="1400" spc="20" dirty="0" err="1">
              <a:solidFill>
                <a:schemeClr val="bg1"/>
              </a:solidFill>
            </a:endParaRPr>
          </a:p>
        </p:txBody>
      </p:sp>
      <p:sp>
        <p:nvSpPr>
          <p:cNvPr id="28" name="Arrow: Left-Right 27">
            <a:extLst>
              <a:ext uri="{FF2B5EF4-FFF2-40B4-BE49-F238E27FC236}">
                <a16:creationId xmlns:a16="http://schemas.microsoft.com/office/drawing/2014/main" id="{A66EC7A6-28CE-AB2A-C73F-A95D1FC04EC9}"/>
              </a:ext>
            </a:extLst>
          </p:cNvPr>
          <p:cNvSpPr/>
          <p:nvPr/>
        </p:nvSpPr>
        <p:spPr bwMode="gray">
          <a:xfrm rot="5400000">
            <a:off x="9624735" y="2857115"/>
            <a:ext cx="559441" cy="355270"/>
          </a:xfrm>
          <a:prstGeom prst="lef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270" lIns="0" tIns="0" rIns="0" bIns="0" rtlCol="0" anchor="ctr"/>
          <a:lstStyle/>
          <a:p>
            <a:pPr algn="ctr">
              <a:lnSpc>
                <a:spcPct val="120000"/>
              </a:lnSpc>
            </a:pPr>
            <a:r>
              <a:rPr lang="en-US" sz="1400" spc="20" dirty="0">
                <a:solidFill>
                  <a:schemeClr val="bg1"/>
                </a:solidFill>
              </a:rPr>
              <a:t>2</a:t>
            </a:r>
            <a:endParaRPr lang="de-CH" sz="1400" spc="20" dirty="0" err="1">
              <a:solidFill>
                <a:schemeClr val="bg1"/>
              </a:solidFill>
            </a:endParaRPr>
          </a:p>
        </p:txBody>
      </p:sp>
      <p:sp>
        <p:nvSpPr>
          <p:cNvPr id="29" name="Arrow: Right 28">
            <a:extLst>
              <a:ext uri="{FF2B5EF4-FFF2-40B4-BE49-F238E27FC236}">
                <a16:creationId xmlns:a16="http://schemas.microsoft.com/office/drawing/2014/main" id="{0D18879F-877D-5395-A46A-F2828DBA5E3C}"/>
              </a:ext>
            </a:extLst>
          </p:cNvPr>
          <p:cNvSpPr/>
          <p:nvPr/>
        </p:nvSpPr>
        <p:spPr bwMode="gray">
          <a:xfrm rot="5400000">
            <a:off x="10100904" y="2857113"/>
            <a:ext cx="532036" cy="355274"/>
          </a:xfrm>
          <a:prstGeom prst="rightArrow">
            <a:avLst>
              <a:gd name="adj1" fmla="val 50000"/>
              <a:gd name="adj2" fmla="val 4932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270" lIns="0" tIns="0" rIns="0" bIns="0" rtlCol="0" anchor="ctr"/>
          <a:lstStyle/>
          <a:p>
            <a:pPr algn="ctr">
              <a:lnSpc>
                <a:spcPct val="120000"/>
              </a:lnSpc>
            </a:pPr>
            <a:r>
              <a:rPr lang="en-US" sz="1600" spc="20" dirty="0">
                <a:solidFill>
                  <a:schemeClr val="bg1"/>
                </a:solidFill>
              </a:rPr>
              <a:t>3</a:t>
            </a:r>
            <a:endParaRPr lang="de-CH" sz="1600" spc="20" dirty="0" err="1">
              <a:solidFill>
                <a:schemeClr val="bg1"/>
              </a:solidFill>
            </a:endParaRPr>
          </a:p>
        </p:txBody>
      </p:sp>
      <p:sp>
        <p:nvSpPr>
          <p:cNvPr id="30" name="Arrow: Right 29">
            <a:extLst>
              <a:ext uri="{FF2B5EF4-FFF2-40B4-BE49-F238E27FC236}">
                <a16:creationId xmlns:a16="http://schemas.microsoft.com/office/drawing/2014/main" id="{F6DEAB8C-A721-AA09-F532-A62C1FBBBBBA}"/>
              </a:ext>
            </a:extLst>
          </p:cNvPr>
          <p:cNvSpPr/>
          <p:nvPr/>
        </p:nvSpPr>
        <p:spPr bwMode="gray">
          <a:xfrm rot="16200000">
            <a:off x="9175971" y="4429521"/>
            <a:ext cx="532036" cy="355274"/>
          </a:xfrm>
          <a:prstGeom prst="rightArrow">
            <a:avLst>
              <a:gd name="adj1" fmla="val 50000"/>
              <a:gd name="adj2" fmla="val 4932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 lIns="0" tIns="0" rIns="0" bIns="0" rtlCol="0" anchor="ctr"/>
          <a:lstStyle/>
          <a:p>
            <a:pPr algn="ctr">
              <a:lnSpc>
                <a:spcPct val="120000"/>
              </a:lnSpc>
            </a:pPr>
            <a:r>
              <a:rPr lang="en-US" sz="1600" spc="20" dirty="0">
                <a:solidFill>
                  <a:schemeClr val="bg1"/>
                </a:solidFill>
              </a:rPr>
              <a:t>1</a:t>
            </a:r>
            <a:endParaRPr lang="de-CH" sz="1600" spc="20" dirty="0" err="1">
              <a:solidFill>
                <a:schemeClr val="bg1"/>
              </a:solidFill>
            </a:endParaRPr>
          </a:p>
        </p:txBody>
      </p:sp>
      <p:sp>
        <p:nvSpPr>
          <p:cNvPr id="31" name="Arrow: Right 30">
            <a:extLst>
              <a:ext uri="{FF2B5EF4-FFF2-40B4-BE49-F238E27FC236}">
                <a16:creationId xmlns:a16="http://schemas.microsoft.com/office/drawing/2014/main" id="{EAF94452-8210-B8FD-39BE-137B5813B248}"/>
              </a:ext>
            </a:extLst>
          </p:cNvPr>
          <p:cNvSpPr/>
          <p:nvPr/>
        </p:nvSpPr>
        <p:spPr bwMode="gray">
          <a:xfrm rot="5400000">
            <a:off x="10100904" y="4442183"/>
            <a:ext cx="532036" cy="355274"/>
          </a:xfrm>
          <a:prstGeom prst="rightArrow">
            <a:avLst>
              <a:gd name="adj1" fmla="val 50000"/>
              <a:gd name="adj2" fmla="val 4932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vert="vert270" lIns="0" tIns="0" rIns="0" bIns="0" rtlCol="0" anchor="ctr"/>
          <a:lstStyle/>
          <a:p>
            <a:pPr algn="ctr">
              <a:lnSpc>
                <a:spcPct val="120000"/>
              </a:lnSpc>
            </a:pPr>
            <a:r>
              <a:rPr lang="en-US" sz="1600" spc="20" dirty="0">
                <a:solidFill>
                  <a:schemeClr val="bg1"/>
                </a:solidFill>
              </a:rPr>
              <a:t>3</a:t>
            </a:r>
            <a:endParaRPr lang="de-CH" sz="1600" spc="20" dirty="0" err="1">
              <a:solidFill>
                <a:schemeClr val="bg1"/>
              </a:solidFill>
            </a:endParaRPr>
          </a:p>
        </p:txBody>
      </p:sp>
      <p:sp>
        <p:nvSpPr>
          <p:cNvPr id="32" name="Arrow: Left-Up 31">
            <a:extLst>
              <a:ext uri="{FF2B5EF4-FFF2-40B4-BE49-F238E27FC236}">
                <a16:creationId xmlns:a16="http://schemas.microsoft.com/office/drawing/2014/main" id="{BCF7E872-2FE3-8EA7-3D12-E627D25E0C73}"/>
              </a:ext>
            </a:extLst>
          </p:cNvPr>
          <p:cNvSpPr/>
          <p:nvPr/>
        </p:nvSpPr>
        <p:spPr bwMode="gray">
          <a:xfrm rot="18845241">
            <a:off x="9991189" y="2898996"/>
            <a:ext cx="1930726" cy="1910931"/>
          </a:xfrm>
          <a:prstGeom prst="leftUpArrow">
            <a:avLst>
              <a:gd name="adj1" fmla="val 9251"/>
              <a:gd name="adj2" fmla="val 9943"/>
              <a:gd name="adj3" fmla="val 9463"/>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US" sz="1600" spc="20" dirty="0">
                <a:solidFill>
                  <a:schemeClr val="bg1"/>
                </a:solidFill>
              </a:rPr>
              <a:t>4</a:t>
            </a:r>
            <a:endParaRPr lang="de-CH" sz="1600" spc="20" dirty="0" err="1">
              <a:solidFill>
                <a:schemeClr val="bg1"/>
              </a:solidFill>
            </a:endParaRPr>
          </a:p>
        </p:txBody>
      </p:sp>
    </p:spTree>
    <p:extLst>
      <p:ext uri="{BB962C8B-B14F-4D97-AF65-F5344CB8AC3E}">
        <p14:creationId xmlns:p14="http://schemas.microsoft.com/office/powerpoint/2010/main" val="186429797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4112CC2-C4AE-0946-77F6-C4CCB3F8C5BB}"/>
              </a:ext>
            </a:extLst>
          </p:cNvPr>
          <p:cNvSpPr>
            <a:spLocks noGrp="1"/>
          </p:cNvSpPr>
          <p:nvPr>
            <p:ph type="body" sz="quarter" idx="15"/>
          </p:nvPr>
        </p:nvSpPr>
        <p:spPr/>
        <p:txBody>
          <a:bodyPr/>
          <a:lstStyle/>
          <a:p>
            <a:r>
              <a:rPr lang="en-US" dirty="0"/>
              <a:t>Matthias Graf | Basel | 20.09.2022</a:t>
            </a:r>
            <a:endParaRPr lang="en-CH" dirty="0"/>
          </a:p>
        </p:txBody>
      </p:sp>
      <p:sp>
        <p:nvSpPr>
          <p:cNvPr id="4" name="Date Placeholder 3">
            <a:extLst>
              <a:ext uri="{FF2B5EF4-FFF2-40B4-BE49-F238E27FC236}">
                <a16:creationId xmlns:a16="http://schemas.microsoft.com/office/drawing/2014/main" id="{4EE49637-2E6D-1424-F731-610A92E80F78}"/>
              </a:ext>
            </a:extLst>
          </p:cNvPr>
          <p:cNvSpPr>
            <a:spLocks noGrp="1"/>
          </p:cNvSpPr>
          <p:nvPr>
            <p:ph type="dt" sz="half" idx="16"/>
          </p:nvPr>
        </p:nvSpPr>
        <p:spPr/>
        <p:txBody>
          <a:bodyPr/>
          <a:lstStyle/>
          <a:p>
            <a:fld id="{B39A1271-19FD-475A-B3B4-BA92018FD132}" type="datetime1">
              <a:rPr lang="de-CH" smtClean="0"/>
              <a:t>20.10.2022</a:t>
            </a:fld>
            <a:endParaRPr lang="de-CH"/>
          </a:p>
        </p:txBody>
      </p:sp>
      <p:sp>
        <p:nvSpPr>
          <p:cNvPr id="5" name="Footer Placeholder 4">
            <a:extLst>
              <a:ext uri="{FF2B5EF4-FFF2-40B4-BE49-F238E27FC236}">
                <a16:creationId xmlns:a16="http://schemas.microsoft.com/office/drawing/2014/main" id="{FD882778-B273-CA94-8691-E8C25DE482D3}"/>
              </a:ext>
            </a:extLst>
          </p:cNvPr>
          <p:cNvSpPr>
            <a:spLocks noGrp="1"/>
          </p:cNvSpPr>
          <p:nvPr>
            <p:ph type="ftr" sz="quarter" idx="17"/>
          </p:nvPr>
        </p:nvSpPr>
        <p:spPr/>
        <p:txBody>
          <a:bodyPr/>
          <a:lstStyle/>
          <a:p>
            <a:endParaRPr lang="de-CH"/>
          </a:p>
        </p:txBody>
      </p:sp>
      <p:sp>
        <p:nvSpPr>
          <p:cNvPr id="6" name="Slide Number Placeholder 5">
            <a:extLst>
              <a:ext uri="{FF2B5EF4-FFF2-40B4-BE49-F238E27FC236}">
                <a16:creationId xmlns:a16="http://schemas.microsoft.com/office/drawing/2014/main" id="{18EDDFE7-D1EF-79BA-D9F0-41A87FF67F83}"/>
              </a:ext>
            </a:extLst>
          </p:cNvPr>
          <p:cNvSpPr>
            <a:spLocks noGrp="1"/>
          </p:cNvSpPr>
          <p:nvPr>
            <p:ph type="sldNum" sz="quarter" idx="18"/>
          </p:nvPr>
        </p:nvSpPr>
        <p:spPr/>
        <p:txBody>
          <a:bodyPr/>
          <a:lstStyle/>
          <a:p>
            <a:r>
              <a:rPr lang="de-CH"/>
              <a:t>| </a:t>
            </a:r>
            <a:fld id="{8CF9DE7D-F270-4E16-BA04-5BCA8969A2EA}" type="slidenum">
              <a:rPr lang="de-CH" smtClean="0"/>
              <a:pPr/>
              <a:t>2</a:t>
            </a:fld>
            <a:endParaRPr lang="de-CH" dirty="0"/>
          </a:p>
        </p:txBody>
      </p:sp>
      <p:pic>
        <p:nvPicPr>
          <p:cNvPr id="7" name="Picture 2">
            <a:extLst>
              <a:ext uri="{FF2B5EF4-FFF2-40B4-BE49-F238E27FC236}">
                <a16:creationId xmlns:a16="http://schemas.microsoft.com/office/drawing/2014/main" id="{E13967A3-3275-8BA5-5D32-2095C31F8D9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487488" y="2134120"/>
            <a:ext cx="4367808" cy="1123801"/>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6" descr="Spring | Projects">
            <a:extLst>
              <a:ext uri="{FF2B5EF4-FFF2-40B4-BE49-F238E27FC236}">
                <a16:creationId xmlns:a16="http://schemas.microsoft.com/office/drawing/2014/main" id="{2139F357-037A-D4C7-5E59-FF558C1C252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018545" y="3430264"/>
            <a:ext cx="1305694" cy="18211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95616712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936D9E45-C0E5-4345-61C2-53A4A75266A3}"/>
              </a:ext>
            </a:extLst>
          </p:cNvPr>
          <p:cNvSpPr>
            <a:spLocks noGrp="1"/>
          </p:cNvSpPr>
          <p:nvPr>
            <p:ph type="dt" sz="half" idx="10"/>
          </p:nvPr>
        </p:nvSpPr>
        <p:spPr/>
        <p:txBody>
          <a:bodyPr/>
          <a:lstStyle/>
          <a:p>
            <a:fld id="{BA7EA141-437D-4A52-9D02-B8389417FCF0}" type="datetime1">
              <a:rPr lang="de-CH" smtClean="0"/>
              <a:pPr/>
              <a:t>20.10.2022</a:t>
            </a:fld>
            <a:endParaRPr lang="de-CH" dirty="0"/>
          </a:p>
        </p:txBody>
      </p:sp>
      <p:sp>
        <p:nvSpPr>
          <p:cNvPr id="3" name="Footer Placeholder 2">
            <a:extLst>
              <a:ext uri="{FF2B5EF4-FFF2-40B4-BE49-F238E27FC236}">
                <a16:creationId xmlns:a16="http://schemas.microsoft.com/office/drawing/2014/main" id="{21DE6A03-92D0-21C6-8397-EE782EE3E88E}"/>
              </a:ext>
            </a:extLst>
          </p:cNvPr>
          <p:cNvSpPr>
            <a:spLocks noGrp="1"/>
          </p:cNvSpPr>
          <p:nvPr>
            <p:ph type="ftr" sz="quarter" idx="11"/>
          </p:nvPr>
        </p:nvSpPr>
        <p:spPr/>
        <p:txBody>
          <a:bodyPr/>
          <a:lstStyle/>
          <a:p>
            <a:endParaRPr lang="de-CH" dirty="0"/>
          </a:p>
        </p:txBody>
      </p:sp>
      <p:sp>
        <p:nvSpPr>
          <p:cNvPr id="4" name="Slide Number Placeholder 3">
            <a:extLst>
              <a:ext uri="{FF2B5EF4-FFF2-40B4-BE49-F238E27FC236}">
                <a16:creationId xmlns:a16="http://schemas.microsoft.com/office/drawing/2014/main" id="{628DC984-545F-002E-1486-0212C37C6244}"/>
              </a:ext>
            </a:extLst>
          </p:cNvPr>
          <p:cNvSpPr>
            <a:spLocks noGrp="1"/>
          </p:cNvSpPr>
          <p:nvPr>
            <p:ph type="sldNum" sz="quarter" idx="12"/>
          </p:nvPr>
        </p:nvSpPr>
        <p:spPr/>
        <p:txBody>
          <a:bodyPr/>
          <a:lstStyle/>
          <a:p>
            <a:r>
              <a:rPr lang="de-CH"/>
              <a:t>| </a:t>
            </a:r>
            <a:fld id="{8CF9DE7D-F270-4E16-BA04-5BCA8969A2EA}" type="slidenum">
              <a:rPr lang="de-CH" smtClean="0"/>
              <a:pPr/>
              <a:t>3</a:t>
            </a:fld>
            <a:endParaRPr lang="de-CH" dirty="0"/>
          </a:p>
        </p:txBody>
      </p:sp>
      <p:sp>
        <p:nvSpPr>
          <p:cNvPr id="6" name="AutoShape 4">
            <a:extLst>
              <a:ext uri="{FF2B5EF4-FFF2-40B4-BE49-F238E27FC236}">
                <a16:creationId xmlns:a16="http://schemas.microsoft.com/office/drawing/2014/main" id="{16A7194A-007E-D432-12D9-D826EB4D3215}"/>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CH"/>
          </a:p>
        </p:txBody>
      </p:sp>
      <p:pic>
        <p:nvPicPr>
          <p:cNvPr id="8" name="Picture 7" descr="A person smiling for the camera&#10;&#10;Description automatically generated with medium confidence">
            <a:extLst>
              <a:ext uri="{FF2B5EF4-FFF2-40B4-BE49-F238E27FC236}">
                <a16:creationId xmlns:a16="http://schemas.microsoft.com/office/drawing/2014/main" id="{A314251A-1367-DFF7-F11F-C72944D2322A}"/>
              </a:ext>
            </a:extLst>
          </p:cNvPr>
          <p:cNvPicPr>
            <a:picLocks noChangeAspect="1"/>
          </p:cNvPicPr>
          <p:nvPr/>
        </p:nvPicPr>
        <p:blipFill>
          <a:blip r:embed="rId4">
            <a:extLst>
              <a:ext uri="{BEBA8EAE-BF5A-486C-A8C5-ECC9F3942E4B}">
                <a14:imgProps xmlns:a14="http://schemas.microsoft.com/office/drawing/2010/main">
                  <a14:imgLayer r:embed="rId5">
                    <a14:imgEffect>
                      <a14:backgroundRemoval t="10000" b="98200" l="1500" r="99500">
                        <a14:foregroundMark x1="21000" y1="85600" x2="78250" y2="83800"/>
                        <a14:foregroundMark x1="78250" y1="83800" x2="78250" y2="83800"/>
                        <a14:foregroundMark x1="81250" y1="72600" x2="91000" y2="80400"/>
                        <a14:foregroundMark x1="6000" y1="81400" x2="27500" y2="73400"/>
                        <a14:foregroundMark x1="74750" y1="68800" x2="95500" y2="75200"/>
                        <a14:foregroundMark x1="95500" y1="75200" x2="99500" y2="78200"/>
                        <a14:foregroundMark x1="95000" y1="93800" x2="15500" y2="89000"/>
                        <a14:foregroundMark x1="15500" y1="89000" x2="6500" y2="91600"/>
                        <a14:foregroundMark x1="9000" y1="96000" x2="59000" y2="95400"/>
                        <a14:foregroundMark x1="59000" y1="95400" x2="87500" y2="95800"/>
                        <a14:foregroundMark x1="87500" y1="95800" x2="90500" y2="98200"/>
                        <a14:foregroundMark x1="32250" y1="70600" x2="30000" y2="75000"/>
                        <a14:foregroundMark x1="4000" y1="83200" x2="1500" y2="91400"/>
                        <a14:foregroundMark x1="95000" y1="73000" x2="91500" y2="70400"/>
                        <a14:foregroundMark x1="93750" y1="73400" x2="81500" y2="66200"/>
                      </a14:backgroundRemoval>
                    </a14:imgEffect>
                  </a14:imgLayer>
                </a14:imgProps>
              </a:ext>
              <a:ext uri="{28A0092B-C50C-407E-A947-70E740481C1C}">
                <a14:useLocalDpi xmlns:a14="http://schemas.microsoft.com/office/drawing/2010/main" val="0"/>
              </a:ext>
            </a:extLst>
          </a:blip>
          <a:stretch>
            <a:fillRect/>
          </a:stretch>
        </p:blipFill>
        <p:spPr>
          <a:xfrm>
            <a:off x="5060708" y="1577052"/>
            <a:ext cx="1988232" cy="2485290"/>
          </a:xfrm>
          <a:prstGeom prst="rect">
            <a:avLst/>
          </a:prstGeom>
        </p:spPr>
      </p:pic>
      <p:pic>
        <p:nvPicPr>
          <p:cNvPr id="1030" name="Picture 6">
            <a:extLst>
              <a:ext uri="{FF2B5EF4-FFF2-40B4-BE49-F238E27FC236}">
                <a16:creationId xmlns:a16="http://schemas.microsoft.com/office/drawing/2014/main" id="{1F472F2D-07F5-F0C3-9CD7-BD6D33C366FA}"/>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t="12767" b="15629"/>
          <a:stretch/>
        </p:blipFill>
        <p:spPr bwMode="auto">
          <a:xfrm>
            <a:off x="726075" y="939657"/>
            <a:ext cx="3305175" cy="1909679"/>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Lilie – Scout-o-wiki">
            <a:extLst>
              <a:ext uri="{FF2B5EF4-FFF2-40B4-BE49-F238E27FC236}">
                <a16:creationId xmlns:a16="http://schemas.microsoft.com/office/drawing/2014/main" id="{6C082B98-CB5E-FB5A-FB82-F4C212279889}"/>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8400256" y="651851"/>
            <a:ext cx="2160240" cy="2167846"/>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descr="Move des Monats: Der Nino-Schurter-Whip | BIKE">
            <a:extLst>
              <a:ext uri="{FF2B5EF4-FFF2-40B4-BE49-F238E27FC236}">
                <a16:creationId xmlns:a16="http://schemas.microsoft.com/office/drawing/2014/main" id="{27C18A23-87B0-D807-ED61-0BB72B623F64}"/>
              </a:ext>
            </a:extLst>
          </p:cNvPr>
          <p:cNvPicPr>
            <a:picLocks noChangeAspect="1" noChangeArrowheads="1"/>
          </p:cNvPicPr>
          <p:nvPr/>
        </p:nvPicPr>
        <p:blipFill rotWithShape="1">
          <a:blip r:embed="rId8">
            <a:extLst>
              <a:ext uri="{28A0092B-C50C-407E-A947-70E740481C1C}">
                <a14:useLocalDpi xmlns:a14="http://schemas.microsoft.com/office/drawing/2010/main" val="0"/>
              </a:ext>
            </a:extLst>
          </a:blip>
          <a:srcRect l="13320" r="26921"/>
          <a:stretch/>
        </p:blipFill>
        <p:spPr bwMode="auto">
          <a:xfrm>
            <a:off x="1441154" y="3992269"/>
            <a:ext cx="1875016" cy="1762710"/>
          </a:xfrm>
          <a:prstGeom prst="rect">
            <a:avLst/>
          </a:prstGeom>
          <a:noFill/>
          <a:extLst>
            <a:ext uri="{909E8E84-426E-40DD-AFC4-6F175D3DCCD1}">
              <a14:hiddenFill xmlns:a14="http://schemas.microsoft.com/office/drawing/2010/main">
                <a:solidFill>
                  <a:srgbClr val="FFFFFF"/>
                </a:solidFill>
              </a14:hiddenFill>
            </a:ext>
          </a:extLst>
        </p:spPr>
      </p:pic>
      <p:pic>
        <p:nvPicPr>
          <p:cNvPr id="1026" name="Picture 2">
            <a:extLst>
              <a:ext uri="{FF2B5EF4-FFF2-40B4-BE49-F238E27FC236}">
                <a16:creationId xmlns:a16="http://schemas.microsoft.com/office/drawing/2014/main" id="{B459CF70-4B2F-7EEE-9BC5-6512C0A3506E}"/>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7320136" y="5161587"/>
            <a:ext cx="4439816" cy="740547"/>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5116275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Grafik 4">
            <a:extLst>
              <a:ext uri="{FF2B5EF4-FFF2-40B4-BE49-F238E27FC236}">
                <a16:creationId xmlns:a16="http://schemas.microsoft.com/office/drawing/2014/main" id="{74BF5D39-9B86-98BD-3657-2425A84A5B74}"/>
              </a:ext>
            </a:extLst>
          </p:cNvPr>
          <p:cNvPicPr>
            <a:picLocks noChangeAspect="1"/>
          </p:cNvPicPr>
          <p:nvPr/>
        </p:nvPicPr>
        <p:blipFill>
          <a:blip r:embed="rId4">
            <a:extLst>
              <a:ext uri="{96DAC541-7B7A-43D3-8B79-37D633B846F1}">
                <asvg:svgBlip xmlns:asvg="http://schemas.microsoft.com/office/drawing/2016/SVG/main" r:embed="rId5"/>
              </a:ext>
            </a:extLst>
          </a:blip>
          <a:srcRect l="20182" t="27992" r="57523"/>
          <a:stretch>
            <a:fillRect/>
          </a:stretch>
        </p:blipFill>
        <p:spPr bwMode="gray">
          <a:xfrm>
            <a:off x="623392" y="4869160"/>
            <a:ext cx="1944216" cy="1296144"/>
          </a:xfrm>
          <a:custGeom>
            <a:avLst/>
            <a:gdLst>
              <a:gd name="connsiteX0" fmla="*/ 0 w 1944216"/>
              <a:gd name="connsiteY0" fmla="*/ 0 h 1296144"/>
              <a:gd name="connsiteX1" fmla="*/ 1944216 w 1944216"/>
              <a:gd name="connsiteY1" fmla="*/ 0 h 1296144"/>
              <a:gd name="connsiteX2" fmla="*/ 1944216 w 1944216"/>
              <a:gd name="connsiteY2" fmla="*/ 1296144 h 1296144"/>
              <a:gd name="connsiteX3" fmla="*/ 0 w 1944216"/>
              <a:gd name="connsiteY3" fmla="*/ 1296144 h 1296144"/>
            </a:gdLst>
            <a:ahLst/>
            <a:cxnLst>
              <a:cxn ang="0">
                <a:pos x="connsiteX0" y="connsiteY0"/>
              </a:cxn>
              <a:cxn ang="0">
                <a:pos x="connsiteX1" y="connsiteY1"/>
              </a:cxn>
              <a:cxn ang="0">
                <a:pos x="connsiteX2" y="connsiteY2"/>
              </a:cxn>
              <a:cxn ang="0">
                <a:pos x="connsiteX3" y="connsiteY3"/>
              </a:cxn>
            </a:cxnLst>
            <a:rect l="l" t="t" r="r" b="b"/>
            <a:pathLst>
              <a:path w="1944216" h="1296144">
                <a:moveTo>
                  <a:pt x="0" y="0"/>
                </a:moveTo>
                <a:lnTo>
                  <a:pt x="1944216" y="0"/>
                </a:lnTo>
                <a:lnTo>
                  <a:pt x="1944216" y="1296144"/>
                </a:lnTo>
                <a:lnTo>
                  <a:pt x="0" y="1296144"/>
                </a:lnTo>
                <a:close/>
              </a:path>
            </a:pathLst>
          </a:custGeom>
        </p:spPr>
      </p:pic>
      <p:sp>
        <p:nvSpPr>
          <p:cNvPr id="6" name="Rechteck 5">
            <a:extLst>
              <a:ext uri="{FF2B5EF4-FFF2-40B4-BE49-F238E27FC236}">
                <a16:creationId xmlns:a16="http://schemas.microsoft.com/office/drawing/2014/main" id="{DE1FCE7E-BE9E-CBFA-720C-9851914D1F1C}"/>
              </a:ext>
            </a:extLst>
          </p:cNvPr>
          <p:cNvSpPr/>
          <p:nvPr/>
        </p:nvSpPr>
        <p:spPr bwMode="gray">
          <a:xfrm flipH="1">
            <a:off x="5951984" y="0"/>
            <a:ext cx="6240016" cy="414869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nSpc>
                <a:spcPct val="120000"/>
              </a:lnSpc>
            </a:pPr>
            <a:endParaRPr lang="de-CH" spc="20" dirty="0">
              <a:latin typeface="AA Zuehlke OTPS" panose="02000506060000020004" pitchFamily="50" charset="0"/>
            </a:endParaRPr>
          </a:p>
        </p:txBody>
      </p:sp>
      <p:pic>
        <p:nvPicPr>
          <p:cNvPr id="39" name="Grafik 38">
            <a:extLst>
              <a:ext uri="{FF2B5EF4-FFF2-40B4-BE49-F238E27FC236}">
                <a16:creationId xmlns:a16="http://schemas.microsoft.com/office/drawing/2014/main" id="{F76A837A-3AC2-906A-6979-C1FAF15721C2}"/>
              </a:ext>
            </a:extLst>
          </p:cNvPr>
          <p:cNvPicPr>
            <a:picLocks noChangeAspect="1"/>
          </p:cNvPicPr>
          <p:nvPr/>
        </p:nvPicPr>
        <p:blipFill rotWithShape="1">
          <a:blip r:embed="rId6">
            <a:extLst>
              <a:ext uri="{28A0092B-C50C-407E-A947-70E740481C1C}">
                <a14:useLocalDpi xmlns:a14="http://schemas.microsoft.com/office/drawing/2010/main" val="0"/>
              </a:ext>
            </a:extLst>
          </a:blip>
          <a:srcRect l="25700" r="26863"/>
          <a:stretch/>
        </p:blipFill>
        <p:spPr bwMode="gray">
          <a:xfrm>
            <a:off x="2999656" y="0"/>
            <a:ext cx="2952328" cy="4149080"/>
          </a:xfrm>
          <a:prstGeom prst="rect">
            <a:avLst/>
          </a:prstGeom>
        </p:spPr>
      </p:pic>
      <p:pic>
        <p:nvPicPr>
          <p:cNvPr id="40" name="Grafik 39">
            <a:extLst>
              <a:ext uri="{FF2B5EF4-FFF2-40B4-BE49-F238E27FC236}">
                <a16:creationId xmlns:a16="http://schemas.microsoft.com/office/drawing/2014/main" id="{D214167E-5811-5500-D4A6-579A86C51D07}"/>
              </a:ext>
            </a:extLst>
          </p:cNvPr>
          <p:cNvPicPr>
            <a:picLocks noChangeAspect="1"/>
          </p:cNvPicPr>
          <p:nvPr/>
        </p:nvPicPr>
        <p:blipFill rotWithShape="1">
          <a:blip r:embed="rId7">
            <a:extLst>
              <a:ext uri="{28A0092B-C50C-407E-A947-70E740481C1C}">
                <a14:useLocalDpi xmlns:a14="http://schemas.microsoft.com/office/drawing/2010/main" val="0"/>
              </a:ext>
            </a:extLst>
          </a:blip>
          <a:srcRect l="35970" t="10706" r="20684"/>
          <a:stretch/>
        </p:blipFill>
        <p:spPr bwMode="gray">
          <a:xfrm>
            <a:off x="913011" y="3717032"/>
            <a:ext cx="3022749" cy="2160000"/>
          </a:xfrm>
          <a:prstGeom prst="rect">
            <a:avLst/>
          </a:prstGeom>
        </p:spPr>
      </p:pic>
      <p:sp>
        <p:nvSpPr>
          <p:cNvPr id="2" name="Datumsplatzhalter 1">
            <a:extLst>
              <a:ext uri="{FF2B5EF4-FFF2-40B4-BE49-F238E27FC236}">
                <a16:creationId xmlns:a16="http://schemas.microsoft.com/office/drawing/2014/main" id="{B8FB1728-E98D-8CF2-8917-9DED2B35C96D}"/>
              </a:ext>
            </a:extLst>
          </p:cNvPr>
          <p:cNvSpPr>
            <a:spLocks noGrp="1"/>
          </p:cNvSpPr>
          <p:nvPr>
            <p:ph type="dt" sz="half" idx="10"/>
          </p:nvPr>
        </p:nvSpPr>
        <p:spPr bwMode="gray"/>
        <p:txBody>
          <a:bodyPr/>
          <a:lstStyle/>
          <a:p>
            <a:fld id="{E4038B7D-D3BD-4DFC-BDEC-30624E53CF02}" type="datetime1">
              <a:rPr lang="de-DE" smtClean="0"/>
              <a:t>20.10.2022</a:t>
            </a:fld>
            <a:endParaRPr lang="de-CH" dirty="0"/>
          </a:p>
        </p:txBody>
      </p:sp>
      <p:sp>
        <p:nvSpPr>
          <p:cNvPr id="3" name="Fußzeilenplatzhalter 2">
            <a:extLst>
              <a:ext uri="{FF2B5EF4-FFF2-40B4-BE49-F238E27FC236}">
                <a16:creationId xmlns:a16="http://schemas.microsoft.com/office/drawing/2014/main" id="{F52624DA-DB12-3603-70C4-9129906245BA}"/>
              </a:ext>
            </a:extLst>
          </p:cNvPr>
          <p:cNvSpPr>
            <a:spLocks noGrp="1"/>
          </p:cNvSpPr>
          <p:nvPr>
            <p:ph type="ftr" sz="quarter" idx="11"/>
          </p:nvPr>
        </p:nvSpPr>
        <p:spPr bwMode="gray"/>
        <p:txBody>
          <a:bodyPr/>
          <a:lstStyle/>
          <a:p>
            <a:r>
              <a:rPr lang="de-CH"/>
              <a:t>Zühlke Brand Präsentation</a:t>
            </a:r>
            <a:endParaRPr lang="de-CH" dirty="0"/>
          </a:p>
        </p:txBody>
      </p:sp>
      <p:sp>
        <p:nvSpPr>
          <p:cNvPr id="4" name="Foliennummernplatzhalter 3">
            <a:extLst>
              <a:ext uri="{FF2B5EF4-FFF2-40B4-BE49-F238E27FC236}">
                <a16:creationId xmlns:a16="http://schemas.microsoft.com/office/drawing/2014/main" id="{A397C9DF-5D22-057D-9CF5-68AC8651613D}"/>
              </a:ext>
            </a:extLst>
          </p:cNvPr>
          <p:cNvSpPr>
            <a:spLocks noGrp="1"/>
          </p:cNvSpPr>
          <p:nvPr>
            <p:ph type="sldNum" sz="quarter" idx="12"/>
          </p:nvPr>
        </p:nvSpPr>
        <p:spPr bwMode="gray"/>
        <p:txBody>
          <a:bodyPr/>
          <a:lstStyle/>
          <a:p>
            <a:r>
              <a:rPr lang="de-CH" dirty="0"/>
              <a:t>|  </a:t>
            </a:r>
            <a:fld id="{8FF9B0DE-3FEB-4AA0-B465-B80EF7C1333D}" type="slidenum">
              <a:rPr lang="de-CH" smtClean="0"/>
              <a:pPr/>
              <a:t>4</a:t>
            </a:fld>
            <a:endParaRPr lang="de-CH" dirty="0"/>
          </a:p>
        </p:txBody>
      </p:sp>
      <p:sp>
        <p:nvSpPr>
          <p:cNvPr id="38" name="Titel 5">
            <a:extLst>
              <a:ext uri="{FF2B5EF4-FFF2-40B4-BE49-F238E27FC236}">
                <a16:creationId xmlns:a16="http://schemas.microsoft.com/office/drawing/2014/main" id="{58DC0089-723F-E4DB-BB38-CDE1AC45A22D}"/>
              </a:ext>
            </a:extLst>
          </p:cNvPr>
          <p:cNvSpPr txBox="1">
            <a:spLocks/>
          </p:cNvSpPr>
          <p:nvPr/>
        </p:nvSpPr>
        <p:spPr bwMode="gray">
          <a:xfrm>
            <a:off x="623392" y="1700856"/>
            <a:ext cx="2088000" cy="1440112"/>
          </a:xfrm>
          <a:prstGeom prst="rect">
            <a:avLst/>
          </a:prstGeom>
        </p:spPr>
        <p:txBody>
          <a:bodyPr lIns="0" tIns="0" rIns="0" bIns="0" anchor="b"/>
          <a:lstStyle>
            <a:defPPr>
              <a:defRPr lang="de-DE"/>
            </a:defPPr>
            <a:lvl1pPr indent="0" algn="r">
              <a:lnSpc>
                <a:spcPct val="105000"/>
              </a:lnSpc>
              <a:spcBef>
                <a:spcPts val="0"/>
              </a:spcBef>
              <a:spcAft>
                <a:spcPts val="0"/>
              </a:spcAft>
              <a:buFont typeface="Arial" panose="020B0604020202020204" pitchFamily="34" charset="0"/>
              <a:buNone/>
              <a:defRPr sz="3600" b="0" spc="20" baseline="0">
                <a:latin typeface="+mj-lt"/>
              </a:defRPr>
            </a:lvl1pPr>
            <a:lvl2pPr marL="0" indent="0">
              <a:lnSpc>
                <a:spcPct val="100000"/>
              </a:lnSpc>
              <a:spcBef>
                <a:spcPts val="0"/>
              </a:spcBef>
              <a:spcAft>
                <a:spcPts val="0"/>
              </a:spcAft>
              <a:buFont typeface="Arial" panose="020B0604020202020204" pitchFamily="34" charset="0"/>
              <a:buNone/>
              <a:defRPr sz="1600" b="0" spc="20" baseline="0"/>
            </a:lvl2pPr>
            <a:lvl3pPr marL="0" indent="0">
              <a:lnSpc>
                <a:spcPct val="100000"/>
              </a:lnSpc>
              <a:spcBef>
                <a:spcPts val="0"/>
              </a:spcBef>
              <a:spcAft>
                <a:spcPts val="0"/>
              </a:spcAft>
              <a:buFont typeface="Arial" panose="020B0604020202020204" pitchFamily="34" charset="0"/>
              <a:buNone/>
              <a:defRPr sz="1600" b="0" spc="20" baseline="0"/>
            </a:lvl3pPr>
            <a:lvl4pPr marL="0" indent="0">
              <a:lnSpc>
                <a:spcPct val="100000"/>
              </a:lnSpc>
              <a:spcBef>
                <a:spcPts val="0"/>
              </a:spcBef>
              <a:spcAft>
                <a:spcPts val="0"/>
              </a:spcAft>
              <a:buFont typeface="Arial" panose="020B0604020202020204" pitchFamily="34" charset="0"/>
              <a:buNone/>
              <a:defRPr sz="1600" b="0" spc="20" baseline="0"/>
            </a:lvl4pPr>
            <a:lvl5pPr marL="0" indent="0">
              <a:lnSpc>
                <a:spcPct val="100000"/>
              </a:lnSpc>
              <a:spcBef>
                <a:spcPts val="0"/>
              </a:spcBef>
              <a:spcAft>
                <a:spcPts val="0"/>
              </a:spcAft>
              <a:buFont typeface="Arial" panose="020B0604020202020204" pitchFamily="34" charset="0"/>
              <a:buNone/>
              <a:defRPr sz="1600" b="0" spc="20" baseline="0"/>
            </a:lvl5pPr>
            <a:lvl6pPr marL="0" indent="0">
              <a:lnSpc>
                <a:spcPct val="100000"/>
              </a:lnSpc>
              <a:spcBef>
                <a:spcPts val="0"/>
              </a:spcBef>
              <a:spcAft>
                <a:spcPts val="0"/>
              </a:spcAft>
              <a:buFont typeface="Arial" panose="020B0604020202020204" pitchFamily="34" charset="0"/>
              <a:buNone/>
              <a:defRPr sz="1600" b="0" spc="20" baseline="0"/>
            </a:lvl6pPr>
            <a:lvl7pPr marL="0" indent="0">
              <a:lnSpc>
                <a:spcPct val="100000"/>
              </a:lnSpc>
              <a:spcBef>
                <a:spcPts val="0"/>
              </a:spcBef>
              <a:spcAft>
                <a:spcPts val="0"/>
              </a:spcAft>
              <a:buFont typeface="Arial" panose="020B0604020202020204" pitchFamily="34" charset="0"/>
              <a:buNone/>
              <a:defRPr sz="1600" b="0" spc="20" baseline="0"/>
            </a:lvl7pPr>
            <a:lvl8pPr marL="0" indent="0">
              <a:lnSpc>
                <a:spcPct val="100000"/>
              </a:lnSpc>
              <a:spcBef>
                <a:spcPts val="0"/>
              </a:spcBef>
              <a:spcAft>
                <a:spcPts val="0"/>
              </a:spcAft>
              <a:buFont typeface="Arial" panose="020B0604020202020204" pitchFamily="34" charset="0"/>
              <a:buNone/>
              <a:defRPr sz="1600" b="0" spc="20" baseline="0"/>
            </a:lvl8pPr>
            <a:lvl9pPr marL="0" indent="0">
              <a:lnSpc>
                <a:spcPct val="100000"/>
              </a:lnSpc>
              <a:spcBef>
                <a:spcPts val="0"/>
              </a:spcBef>
              <a:spcAft>
                <a:spcPts val="0"/>
              </a:spcAft>
              <a:buFont typeface="Arial" panose="020B0604020202020204" pitchFamily="34" charset="0"/>
              <a:buNone/>
              <a:defRPr sz="1600" b="0" spc="20" baseline="0"/>
            </a:lvl9pPr>
          </a:lstStyle>
          <a:p>
            <a:pPr algn="l"/>
            <a:r>
              <a:rPr lang="de-CH" dirty="0"/>
              <a:t>Über Zühlke</a:t>
            </a:r>
          </a:p>
        </p:txBody>
      </p:sp>
      <p:sp>
        <p:nvSpPr>
          <p:cNvPr id="42" name="Grafik 11">
            <a:extLst>
              <a:ext uri="{FF2B5EF4-FFF2-40B4-BE49-F238E27FC236}">
                <a16:creationId xmlns:a16="http://schemas.microsoft.com/office/drawing/2014/main" id="{043D79BB-7B04-9E7C-7612-DEB4937F831E}"/>
              </a:ext>
            </a:extLst>
          </p:cNvPr>
          <p:cNvSpPr>
            <a:spLocks noChangeAspect="1"/>
          </p:cNvSpPr>
          <p:nvPr/>
        </p:nvSpPr>
        <p:spPr bwMode="gray">
          <a:xfrm>
            <a:off x="2495600" y="908720"/>
            <a:ext cx="575803" cy="576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tx2">
              <a:alpha val="25000"/>
            </a:schemeClr>
          </a:solidFill>
          <a:ln w="25400" cap="flat">
            <a:noFill/>
            <a:prstDash val="solid"/>
            <a:miter/>
          </a:ln>
        </p:spPr>
        <p:txBody>
          <a:bodyPr rtlCol="0" anchor="ctr"/>
          <a:lstStyle/>
          <a:p>
            <a:endParaRPr lang="de-CH" spc="20" dirty="0"/>
          </a:p>
        </p:txBody>
      </p:sp>
      <p:sp>
        <p:nvSpPr>
          <p:cNvPr id="43" name="Grafik 11">
            <a:extLst>
              <a:ext uri="{FF2B5EF4-FFF2-40B4-BE49-F238E27FC236}">
                <a16:creationId xmlns:a16="http://schemas.microsoft.com/office/drawing/2014/main" id="{384A51F7-08BD-05FF-9328-9593D4134E75}"/>
              </a:ext>
            </a:extLst>
          </p:cNvPr>
          <p:cNvSpPr>
            <a:spLocks noChangeAspect="1"/>
          </p:cNvSpPr>
          <p:nvPr/>
        </p:nvSpPr>
        <p:spPr bwMode="gray">
          <a:xfrm>
            <a:off x="2067191" y="1556792"/>
            <a:ext cx="359876" cy="360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chemeClr val="bg2">
              <a:alpha val="25000"/>
            </a:schemeClr>
          </a:solidFill>
          <a:ln w="25400" cap="flat">
            <a:noFill/>
            <a:prstDash val="solid"/>
            <a:miter/>
          </a:ln>
        </p:spPr>
        <p:txBody>
          <a:bodyPr rtlCol="0" anchor="ctr"/>
          <a:lstStyle/>
          <a:p>
            <a:endParaRPr lang="de-CH" spc="20" dirty="0"/>
          </a:p>
        </p:txBody>
      </p:sp>
      <p:grpSp>
        <p:nvGrpSpPr>
          <p:cNvPr id="55" name="Gruppieren 54">
            <a:extLst>
              <a:ext uri="{FF2B5EF4-FFF2-40B4-BE49-F238E27FC236}">
                <a16:creationId xmlns:a16="http://schemas.microsoft.com/office/drawing/2014/main" id="{D27C8375-1E91-E0E8-4C88-5C5A71C2FA3D}"/>
              </a:ext>
            </a:extLst>
          </p:cNvPr>
          <p:cNvGrpSpPr>
            <a:grpSpLocks noChangeAspect="1"/>
          </p:cNvGrpSpPr>
          <p:nvPr/>
        </p:nvGrpSpPr>
        <p:grpSpPr bwMode="gray">
          <a:xfrm>
            <a:off x="9110648" y="548680"/>
            <a:ext cx="539441" cy="360000"/>
            <a:chOff x="8745730" y="1243236"/>
            <a:chExt cx="799271" cy="533400"/>
          </a:xfrm>
          <a:solidFill>
            <a:schemeClr val="bg1"/>
          </a:solidFill>
        </p:grpSpPr>
        <p:sp>
          <p:nvSpPr>
            <p:cNvPr id="56" name="Freihandform: Form 55">
              <a:extLst>
                <a:ext uri="{FF2B5EF4-FFF2-40B4-BE49-F238E27FC236}">
                  <a16:creationId xmlns:a16="http://schemas.microsoft.com/office/drawing/2014/main" id="{BBAE7774-7A5A-C9BF-C9A1-1A7EF59EA83F}"/>
                </a:ext>
              </a:extLst>
            </p:cNvPr>
            <p:cNvSpPr/>
            <p:nvPr/>
          </p:nvSpPr>
          <p:spPr bwMode="gray">
            <a:xfrm>
              <a:off x="93836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57" name="Freihandform: Form 56">
              <a:extLst>
                <a:ext uri="{FF2B5EF4-FFF2-40B4-BE49-F238E27FC236}">
                  <a16:creationId xmlns:a16="http://schemas.microsoft.com/office/drawing/2014/main" id="{0BAD0674-074D-652E-B391-7278D08B079A}"/>
                </a:ext>
              </a:extLst>
            </p:cNvPr>
            <p:cNvSpPr/>
            <p:nvPr/>
          </p:nvSpPr>
          <p:spPr bwMode="gray">
            <a:xfrm>
              <a:off x="88121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59" name="Freihandform: Form 58">
              <a:extLst>
                <a:ext uri="{FF2B5EF4-FFF2-40B4-BE49-F238E27FC236}">
                  <a16:creationId xmlns:a16="http://schemas.microsoft.com/office/drawing/2014/main" id="{8832BBB5-7A76-AB3D-6EF3-AA58063988EF}"/>
                </a:ext>
              </a:extLst>
            </p:cNvPr>
            <p:cNvSpPr/>
            <p:nvPr/>
          </p:nvSpPr>
          <p:spPr bwMode="gray">
            <a:xfrm>
              <a:off x="91931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62" name="Freihandform: Form 61">
              <a:extLst>
                <a:ext uri="{FF2B5EF4-FFF2-40B4-BE49-F238E27FC236}">
                  <a16:creationId xmlns:a16="http://schemas.microsoft.com/office/drawing/2014/main" id="{459921BE-7B7D-8C9D-CE7F-D4BD3E3FF0E1}"/>
                </a:ext>
              </a:extLst>
            </p:cNvPr>
            <p:cNvSpPr/>
            <p:nvPr/>
          </p:nvSpPr>
          <p:spPr bwMode="gray">
            <a:xfrm>
              <a:off x="9002613" y="1243236"/>
              <a:ext cx="95250" cy="95250"/>
            </a:xfrm>
            <a:custGeom>
              <a:avLst/>
              <a:gdLst>
                <a:gd name="connsiteX0" fmla="*/ 95250 w 95250"/>
                <a:gd name="connsiteY0" fmla="*/ 47625 h 95250"/>
                <a:gd name="connsiteX1" fmla="*/ 47625 w 95250"/>
                <a:gd name="connsiteY1" fmla="*/ 95250 h 95250"/>
                <a:gd name="connsiteX2" fmla="*/ 0 w 95250"/>
                <a:gd name="connsiteY2" fmla="*/ 47625 h 95250"/>
                <a:gd name="connsiteX3" fmla="*/ 47625 w 95250"/>
                <a:gd name="connsiteY3" fmla="*/ 0 h 95250"/>
                <a:gd name="connsiteX4" fmla="*/ 95250 w 95250"/>
                <a:gd name="connsiteY4" fmla="*/ 47625 h 95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5250" h="95250">
                  <a:moveTo>
                    <a:pt x="95250" y="47625"/>
                  </a:moveTo>
                  <a:cubicBezTo>
                    <a:pt x="95250" y="73928"/>
                    <a:pt x="73928" y="95250"/>
                    <a:pt x="47625" y="95250"/>
                  </a:cubicBezTo>
                  <a:cubicBezTo>
                    <a:pt x="21322" y="95250"/>
                    <a:pt x="0" y="73928"/>
                    <a:pt x="0" y="47625"/>
                  </a:cubicBezTo>
                  <a:cubicBezTo>
                    <a:pt x="0" y="21322"/>
                    <a:pt x="21322" y="0"/>
                    <a:pt x="47625" y="0"/>
                  </a:cubicBezTo>
                  <a:cubicBezTo>
                    <a:pt x="73928" y="0"/>
                    <a:pt x="95250" y="21322"/>
                    <a:pt x="95250" y="47625"/>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63" name="Freihandform: Form 62">
              <a:extLst>
                <a:ext uri="{FF2B5EF4-FFF2-40B4-BE49-F238E27FC236}">
                  <a16:creationId xmlns:a16="http://schemas.microsoft.com/office/drawing/2014/main" id="{2280711F-0359-4A41-FADD-F0A0E4625A8D}"/>
                </a:ext>
              </a:extLst>
            </p:cNvPr>
            <p:cNvSpPr/>
            <p:nvPr/>
          </p:nvSpPr>
          <p:spPr bwMode="gray">
            <a:xfrm>
              <a:off x="8745730" y="1348011"/>
              <a:ext cx="799271" cy="428625"/>
            </a:xfrm>
            <a:custGeom>
              <a:avLst/>
              <a:gdLst>
                <a:gd name="connsiteX0" fmla="*/ 798855 w 799271"/>
                <a:gd name="connsiteY0" fmla="*/ 176213 h 428625"/>
                <a:gd name="connsiteX1" fmla="*/ 768375 w 799271"/>
                <a:gd name="connsiteY1" fmla="*/ 37148 h 428625"/>
                <a:gd name="connsiteX2" fmla="*/ 761708 w 799271"/>
                <a:gd name="connsiteY2" fmla="*/ 26670 h 428625"/>
                <a:gd name="connsiteX3" fmla="*/ 723608 w 799271"/>
                <a:gd name="connsiteY3" fmla="*/ 6668 h 428625"/>
                <a:gd name="connsiteX4" fmla="*/ 685508 w 799271"/>
                <a:gd name="connsiteY4" fmla="*/ 0 h 428625"/>
                <a:gd name="connsiteX5" fmla="*/ 647408 w 799271"/>
                <a:gd name="connsiteY5" fmla="*/ 6668 h 428625"/>
                <a:gd name="connsiteX6" fmla="*/ 609308 w 799271"/>
                <a:gd name="connsiteY6" fmla="*/ 26670 h 428625"/>
                <a:gd name="connsiteX7" fmla="*/ 602640 w 799271"/>
                <a:gd name="connsiteY7" fmla="*/ 37148 h 428625"/>
                <a:gd name="connsiteX8" fmla="*/ 590258 w 799271"/>
                <a:gd name="connsiteY8" fmla="*/ 93345 h 428625"/>
                <a:gd name="connsiteX9" fmla="*/ 590258 w 799271"/>
                <a:gd name="connsiteY9" fmla="*/ 93345 h 428625"/>
                <a:gd name="connsiteX10" fmla="*/ 577875 w 799271"/>
                <a:gd name="connsiteY10" fmla="*/ 37148 h 428625"/>
                <a:gd name="connsiteX11" fmla="*/ 571208 w 799271"/>
                <a:gd name="connsiteY11" fmla="*/ 26670 h 428625"/>
                <a:gd name="connsiteX12" fmla="*/ 533108 w 799271"/>
                <a:gd name="connsiteY12" fmla="*/ 6668 h 428625"/>
                <a:gd name="connsiteX13" fmla="*/ 495008 w 799271"/>
                <a:gd name="connsiteY13" fmla="*/ 0 h 428625"/>
                <a:gd name="connsiteX14" fmla="*/ 456908 w 799271"/>
                <a:gd name="connsiteY14" fmla="*/ 6668 h 428625"/>
                <a:gd name="connsiteX15" fmla="*/ 418808 w 799271"/>
                <a:gd name="connsiteY15" fmla="*/ 26670 h 428625"/>
                <a:gd name="connsiteX16" fmla="*/ 412140 w 799271"/>
                <a:gd name="connsiteY16" fmla="*/ 37148 h 428625"/>
                <a:gd name="connsiteX17" fmla="*/ 399758 w 799271"/>
                <a:gd name="connsiteY17" fmla="*/ 92393 h 428625"/>
                <a:gd name="connsiteX18" fmla="*/ 399758 w 799271"/>
                <a:gd name="connsiteY18" fmla="*/ 93345 h 428625"/>
                <a:gd name="connsiteX19" fmla="*/ 387375 w 799271"/>
                <a:gd name="connsiteY19" fmla="*/ 37148 h 428625"/>
                <a:gd name="connsiteX20" fmla="*/ 380708 w 799271"/>
                <a:gd name="connsiteY20" fmla="*/ 26670 h 428625"/>
                <a:gd name="connsiteX21" fmla="*/ 342608 w 799271"/>
                <a:gd name="connsiteY21" fmla="*/ 6668 h 428625"/>
                <a:gd name="connsiteX22" fmla="*/ 304508 w 799271"/>
                <a:gd name="connsiteY22" fmla="*/ 0 h 428625"/>
                <a:gd name="connsiteX23" fmla="*/ 266408 w 799271"/>
                <a:gd name="connsiteY23" fmla="*/ 6668 h 428625"/>
                <a:gd name="connsiteX24" fmla="*/ 228307 w 799271"/>
                <a:gd name="connsiteY24" fmla="*/ 26670 h 428625"/>
                <a:gd name="connsiteX25" fmla="*/ 221640 w 799271"/>
                <a:gd name="connsiteY25" fmla="*/ 37148 h 428625"/>
                <a:gd name="connsiteX26" fmla="*/ 209257 w 799271"/>
                <a:gd name="connsiteY26" fmla="*/ 92393 h 428625"/>
                <a:gd name="connsiteX27" fmla="*/ 209257 w 799271"/>
                <a:gd name="connsiteY27" fmla="*/ 92393 h 428625"/>
                <a:gd name="connsiteX28" fmla="*/ 196875 w 799271"/>
                <a:gd name="connsiteY28" fmla="*/ 37148 h 428625"/>
                <a:gd name="connsiteX29" fmla="*/ 190207 w 799271"/>
                <a:gd name="connsiteY29" fmla="*/ 26670 h 428625"/>
                <a:gd name="connsiteX30" fmla="*/ 152107 w 799271"/>
                <a:gd name="connsiteY30" fmla="*/ 6668 h 428625"/>
                <a:gd name="connsiteX31" fmla="*/ 114007 w 799271"/>
                <a:gd name="connsiteY31" fmla="*/ 0 h 428625"/>
                <a:gd name="connsiteX32" fmla="*/ 75907 w 799271"/>
                <a:gd name="connsiteY32" fmla="*/ 6668 h 428625"/>
                <a:gd name="connsiteX33" fmla="*/ 37807 w 799271"/>
                <a:gd name="connsiteY33" fmla="*/ 26670 h 428625"/>
                <a:gd name="connsiteX34" fmla="*/ 31140 w 799271"/>
                <a:gd name="connsiteY34" fmla="*/ 37148 h 428625"/>
                <a:gd name="connsiteX35" fmla="*/ 660 w 799271"/>
                <a:gd name="connsiteY35" fmla="*/ 175260 h 428625"/>
                <a:gd name="connsiteX36" fmla="*/ 15900 w 799271"/>
                <a:gd name="connsiteY36" fmla="*/ 199073 h 428625"/>
                <a:gd name="connsiteX37" fmla="*/ 18757 w 799271"/>
                <a:gd name="connsiteY37" fmla="*/ 199073 h 428625"/>
                <a:gd name="connsiteX38" fmla="*/ 37807 w 799271"/>
                <a:gd name="connsiteY38" fmla="*/ 183833 h 428625"/>
                <a:gd name="connsiteX39" fmla="*/ 66382 w 799271"/>
                <a:gd name="connsiteY39" fmla="*/ 57150 h 428625"/>
                <a:gd name="connsiteX40" fmla="*/ 66382 w 799271"/>
                <a:gd name="connsiteY40" fmla="*/ 124777 h 428625"/>
                <a:gd name="connsiteX41" fmla="*/ 37807 w 799271"/>
                <a:gd name="connsiteY41" fmla="*/ 266700 h 428625"/>
                <a:gd name="connsiteX42" fmla="*/ 66382 w 799271"/>
                <a:gd name="connsiteY42" fmla="*/ 266700 h 428625"/>
                <a:gd name="connsiteX43" fmla="*/ 66382 w 799271"/>
                <a:gd name="connsiteY43" fmla="*/ 428625 h 428625"/>
                <a:gd name="connsiteX44" fmla="*/ 104482 w 799271"/>
                <a:gd name="connsiteY44" fmla="*/ 428625 h 428625"/>
                <a:gd name="connsiteX45" fmla="*/ 104482 w 799271"/>
                <a:gd name="connsiteY45" fmla="*/ 266700 h 428625"/>
                <a:gd name="connsiteX46" fmla="*/ 123532 w 799271"/>
                <a:gd name="connsiteY46" fmla="*/ 266700 h 428625"/>
                <a:gd name="connsiteX47" fmla="*/ 123532 w 799271"/>
                <a:gd name="connsiteY47" fmla="*/ 428625 h 428625"/>
                <a:gd name="connsiteX48" fmla="*/ 161632 w 799271"/>
                <a:gd name="connsiteY48" fmla="*/ 428625 h 428625"/>
                <a:gd name="connsiteX49" fmla="*/ 161632 w 799271"/>
                <a:gd name="connsiteY49" fmla="*/ 266700 h 428625"/>
                <a:gd name="connsiteX50" fmla="*/ 190207 w 799271"/>
                <a:gd name="connsiteY50" fmla="*/ 266700 h 428625"/>
                <a:gd name="connsiteX51" fmla="*/ 161632 w 799271"/>
                <a:gd name="connsiteY51" fmla="*/ 124777 h 428625"/>
                <a:gd name="connsiteX52" fmla="*/ 161632 w 799271"/>
                <a:gd name="connsiteY52" fmla="*/ 57150 h 428625"/>
                <a:gd name="connsiteX53" fmla="*/ 190207 w 799271"/>
                <a:gd name="connsiteY53" fmla="*/ 184785 h 428625"/>
                <a:gd name="connsiteX54" fmla="*/ 208305 w 799271"/>
                <a:gd name="connsiteY54" fmla="*/ 200025 h 428625"/>
                <a:gd name="connsiteX55" fmla="*/ 208305 w 799271"/>
                <a:gd name="connsiteY55" fmla="*/ 200025 h 428625"/>
                <a:gd name="connsiteX56" fmla="*/ 226402 w 799271"/>
                <a:gd name="connsiteY56" fmla="*/ 184785 h 428625"/>
                <a:gd name="connsiteX57" fmla="*/ 256882 w 799271"/>
                <a:gd name="connsiteY57" fmla="*/ 57150 h 428625"/>
                <a:gd name="connsiteX58" fmla="*/ 256882 w 799271"/>
                <a:gd name="connsiteY58" fmla="*/ 209550 h 428625"/>
                <a:gd name="connsiteX59" fmla="*/ 256882 w 799271"/>
                <a:gd name="connsiteY59" fmla="*/ 428625 h 428625"/>
                <a:gd name="connsiteX60" fmla="*/ 294983 w 799271"/>
                <a:gd name="connsiteY60" fmla="*/ 428625 h 428625"/>
                <a:gd name="connsiteX61" fmla="*/ 294983 w 799271"/>
                <a:gd name="connsiteY61" fmla="*/ 209550 h 428625"/>
                <a:gd name="connsiteX62" fmla="*/ 314033 w 799271"/>
                <a:gd name="connsiteY62" fmla="*/ 209550 h 428625"/>
                <a:gd name="connsiteX63" fmla="*/ 314033 w 799271"/>
                <a:gd name="connsiteY63" fmla="*/ 428625 h 428625"/>
                <a:gd name="connsiteX64" fmla="*/ 352133 w 799271"/>
                <a:gd name="connsiteY64" fmla="*/ 428625 h 428625"/>
                <a:gd name="connsiteX65" fmla="*/ 352133 w 799271"/>
                <a:gd name="connsiteY65" fmla="*/ 209550 h 428625"/>
                <a:gd name="connsiteX66" fmla="*/ 352133 w 799271"/>
                <a:gd name="connsiteY66" fmla="*/ 57150 h 428625"/>
                <a:gd name="connsiteX67" fmla="*/ 380708 w 799271"/>
                <a:gd name="connsiteY67" fmla="*/ 184785 h 428625"/>
                <a:gd name="connsiteX68" fmla="*/ 399758 w 799271"/>
                <a:gd name="connsiteY68" fmla="*/ 200025 h 428625"/>
                <a:gd name="connsiteX69" fmla="*/ 399758 w 799271"/>
                <a:gd name="connsiteY69" fmla="*/ 200025 h 428625"/>
                <a:gd name="connsiteX70" fmla="*/ 399758 w 799271"/>
                <a:gd name="connsiteY70" fmla="*/ 200025 h 428625"/>
                <a:gd name="connsiteX71" fmla="*/ 417855 w 799271"/>
                <a:gd name="connsiteY71" fmla="*/ 184785 h 428625"/>
                <a:gd name="connsiteX72" fmla="*/ 447383 w 799271"/>
                <a:gd name="connsiteY72" fmla="*/ 57150 h 428625"/>
                <a:gd name="connsiteX73" fmla="*/ 447383 w 799271"/>
                <a:gd name="connsiteY73" fmla="*/ 125730 h 428625"/>
                <a:gd name="connsiteX74" fmla="*/ 418808 w 799271"/>
                <a:gd name="connsiteY74" fmla="*/ 266700 h 428625"/>
                <a:gd name="connsiteX75" fmla="*/ 447383 w 799271"/>
                <a:gd name="connsiteY75" fmla="*/ 266700 h 428625"/>
                <a:gd name="connsiteX76" fmla="*/ 447383 w 799271"/>
                <a:gd name="connsiteY76" fmla="*/ 428625 h 428625"/>
                <a:gd name="connsiteX77" fmla="*/ 485483 w 799271"/>
                <a:gd name="connsiteY77" fmla="*/ 428625 h 428625"/>
                <a:gd name="connsiteX78" fmla="*/ 485483 w 799271"/>
                <a:gd name="connsiteY78" fmla="*/ 266700 h 428625"/>
                <a:gd name="connsiteX79" fmla="*/ 504533 w 799271"/>
                <a:gd name="connsiteY79" fmla="*/ 266700 h 428625"/>
                <a:gd name="connsiteX80" fmla="*/ 504533 w 799271"/>
                <a:gd name="connsiteY80" fmla="*/ 428625 h 428625"/>
                <a:gd name="connsiteX81" fmla="*/ 542633 w 799271"/>
                <a:gd name="connsiteY81" fmla="*/ 428625 h 428625"/>
                <a:gd name="connsiteX82" fmla="*/ 542633 w 799271"/>
                <a:gd name="connsiteY82" fmla="*/ 266700 h 428625"/>
                <a:gd name="connsiteX83" fmla="*/ 571208 w 799271"/>
                <a:gd name="connsiteY83" fmla="*/ 266700 h 428625"/>
                <a:gd name="connsiteX84" fmla="*/ 542633 w 799271"/>
                <a:gd name="connsiteY84" fmla="*/ 123825 h 428625"/>
                <a:gd name="connsiteX85" fmla="*/ 542633 w 799271"/>
                <a:gd name="connsiteY85" fmla="*/ 57150 h 428625"/>
                <a:gd name="connsiteX86" fmla="*/ 571208 w 799271"/>
                <a:gd name="connsiteY86" fmla="*/ 184785 h 428625"/>
                <a:gd name="connsiteX87" fmla="*/ 590258 w 799271"/>
                <a:gd name="connsiteY87" fmla="*/ 200025 h 428625"/>
                <a:gd name="connsiteX88" fmla="*/ 590258 w 799271"/>
                <a:gd name="connsiteY88" fmla="*/ 200025 h 428625"/>
                <a:gd name="connsiteX89" fmla="*/ 590258 w 799271"/>
                <a:gd name="connsiteY89" fmla="*/ 200025 h 428625"/>
                <a:gd name="connsiteX90" fmla="*/ 590258 w 799271"/>
                <a:gd name="connsiteY90" fmla="*/ 200025 h 428625"/>
                <a:gd name="connsiteX91" fmla="*/ 609308 w 799271"/>
                <a:gd name="connsiteY91" fmla="*/ 184785 h 428625"/>
                <a:gd name="connsiteX92" fmla="*/ 637883 w 799271"/>
                <a:gd name="connsiteY92" fmla="*/ 57150 h 428625"/>
                <a:gd name="connsiteX93" fmla="*/ 637883 w 799271"/>
                <a:gd name="connsiteY93" fmla="*/ 209550 h 428625"/>
                <a:gd name="connsiteX94" fmla="*/ 637883 w 799271"/>
                <a:gd name="connsiteY94" fmla="*/ 428625 h 428625"/>
                <a:gd name="connsiteX95" fmla="*/ 675983 w 799271"/>
                <a:gd name="connsiteY95" fmla="*/ 428625 h 428625"/>
                <a:gd name="connsiteX96" fmla="*/ 675983 w 799271"/>
                <a:gd name="connsiteY96" fmla="*/ 209550 h 428625"/>
                <a:gd name="connsiteX97" fmla="*/ 695033 w 799271"/>
                <a:gd name="connsiteY97" fmla="*/ 209550 h 428625"/>
                <a:gd name="connsiteX98" fmla="*/ 695033 w 799271"/>
                <a:gd name="connsiteY98" fmla="*/ 428625 h 428625"/>
                <a:gd name="connsiteX99" fmla="*/ 733133 w 799271"/>
                <a:gd name="connsiteY99" fmla="*/ 428625 h 428625"/>
                <a:gd name="connsiteX100" fmla="*/ 733133 w 799271"/>
                <a:gd name="connsiteY100" fmla="*/ 209550 h 428625"/>
                <a:gd name="connsiteX101" fmla="*/ 733133 w 799271"/>
                <a:gd name="connsiteY101" fmla="*/ 57150 h 428625"/>
                <a:gd name="connsiteX102" fmla="*/ 761708 w 799271"/>
                <a:gd name="connsiteY102" fmla="*/ 184785 h 428625"/>
                <a:gd name="connsiteX103" fmla="*/ 780758 w 799271"/>
                <a:gd name="connsiteY103" fmla="*/ 200025 h 428625"/>
                <a:gd name="connsiteX104" fmla="*/ 787425 w 799271"/>
                <a:gd name="connsiteY104" fmla="*/ 199073 h 428625"/>
                <a:gd name="connsiteX105" fmla="*/ 798855 w 799271"/>
                <a:gd name="connsiteY105" fmla="*/ 176213 h 4286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799271" h="428625">
                  <a:moveTo>
                    <a:pt x="798855" y="176213"/>
                  </a:moveTo>
                  <a:lnTo>
                    <a:pt x="768375" y="37148"/>
                  </a:lnTo>
                  <a:cubicBezTo>
                    <a:pt x="767423" y="33338"/>
                    <a:pt x="765518" y="29527"/>
                    <a:pt x="761708" y="26670"/>
                  </a:cubicBezTo>
                  <a:cubicBezTo>
                    <a:pt x="750278" y="18098"/>
                    <a:pt x="737895" y="10477"/>
                    <a:pt x="723608" y="6668"/>
                  </a:cubicBezTo>
                  <a:cubicBezTo>
                    <a:pt x="711225" y="2857"/>
                    <a:pt x="698843" y="0"/>
                    <a:pt x="685508" y="0"/>
                  </a:cubicBezTo>
                  <a:cubicBezTo>
                    <a:pt x="672173" y="0"/>
                    <a:pt x="658837" y="1905"/>
                    <a:pt x="647408" y="6668"/>
                  </a:cubicBezTo>
                  <a:cubicBezTo>
                    <a:pt x="633120" y="11430"/>
                    <a:pt x="620737" y="18098"/>
                    <a:pt x="609308" y="26670"/>
                  </a:cubicBezTo>
                  <a:cubicBezTo>
                    <a:pt x="605498" y="29527"/>
                    <a:pt x="603593" y="33338"/>
                    <a:pt x="602640" y="37148"/>
                  </a:cubicBezTo>
                  <a:lnTo>
                    <a:pt x="590258" y="93345"/>
                  </a:lnTo>
                  <a:lnTo>
                    <a:pt x="590258" y="93345"/>
                  </a:lnTo>
                  <a:lnTo>
                    <a:pt x="577875" y="37148"/>
                  </a:lnTo>
                  <a:cubicBezTo>
                    <a:pt x="576923" y="33338"/>
                    <a:pt x="575018" y="29527"/>
                    <a:pt x="571208" y="26670"/>
                  </a:cubicBezTo>
                  <a:cubicBezTo>
                    <a:pt x="559778" y="18098"/>
                    <a:pt x="547395" y="10477"/>
                    <a:pt x="533108" y="6668"/>
                  </a:cubicBezTo>
                  <a:cubicBezTo>
                    <a:pt x="520725" y="2857"/>
                    <a:pt x="508343" y="0"/>
                    <a:pt x="495008" y="0"/>
                  </a:cubicBezTo>
                  <a:cubicBezTo>
                    <a:pt x="481672" y="0"/>
                    <a:pt x="468338" y="1905"/>
                    <a:pt x="456908" y="6668"/>
                  </a:cubicBezTo>
                  <a:cubicBezTo>
                    <a:pt x="442620" y="11430"/>
                    <a:pt x="430238" y="18098"/>
                    <a:pt x="418808" y="26670"/>
                  </a:cubicBezTo>
                  <a:cubicBezTo>
                    <a:pt x="414997" y="29527"/>
                    <a:pt x="413093" y="33338"/>
                    <a:pt x="412140" y="37148"/>
                  </a:cubicBezTo>
                  <a:lnTo>
                    <a:pt x="399758" y="92393"/>
                  </a:lnTo>
                  <a:lnTo>
                    <a:pt x="399758" y="93345"/>
                  </a:lnTo>
                  <a:lnTo>
                    <a:pt x="387375" y="37148"/>
                  </a:lnTo>
                  <a:cubicBezTo>
                    <a:pt x="386422" y="33338"/>
                    <a:pt x="384518" y="29527"/>
                    <a:pt x="380708" y="26670"/>
                  </a:cubicBezTo>
                  <a:cubicBezTo>
                    <a:pt x="369277" y="18098"/>
                    <a:pt x="356895" y="10477"/>
                    <a:pt x="342608" y="6668"/>
                  </a:cubicBezTo>
                  <a:cubicBezTo>
                    <a:pt x="330225" y="2857"/>
                    <a:pt x="317843" y="0"/>
                    <a:pt x="304508" y="0"/>
                  </a:cubicBezTo>
                  <a:cubicBezTo>
                    <a:pt x="291172" y="0"/>
                    <a:pt x="277838" y="1905"/>
                    <a:pt x="266408" y="6668"/>
                  </a:cubicBezTo>
                  <a:cubicBezTo>
                    <a:pt x="252120" y="11430"/>
                    <a:pt x="239738" y="18098"/>
                    <a:pt x="228307" y="26670"/>
                  </a:cubicBezTo>
                  <a:cubicBezTo>
                    <a:pt x="224498" y="29527"/>
                    <a:pt x="222592" y="33338"/>
                    <a:pt x="221640" y="37148"/>
                  </a:cubicBezTo>
                  <a:lnTo>
                    <a:pt x="209257" y="92393"/>
                  </a:lnTo>
                  <a:lnTo>
                    <a:pt x="209257" y="92393"/>
                  </a:lnTo>
                  <a:lnTo>
                    <a:pt x="196875" y="37148"/>
                  </a:lnTo>
                  <a:cubicBezTo>
                    <a:pt x="195923" y="33338"/>
                    <a:pt x="194017" y="29527"/>
                    <a:pt x="190207" y="26670"/>
                  </a:cubicBezTo>
                  <a:cubicBezTo>
                    <a:pt x="178777" y="18098"/>
                    <a:pt x="166395" y="10477"/>
                    <a:pt x="152107" y="6668"/>
                  </a:cubicBezTo>
                  <a:cubicBezTo>
                    <a:pt x="139725" y="2857"/>
                    <a:pt x="127342" y="0"/>
                    <a:pt x="114007" y="0"/>
                  </a:cubicBezTo>
                  <a:cubicBezTo>
                    <a:pt x="100672" y="0"/>
                    <a:pt x="87337" y="1905"/>
                    <a:pt x="75907" y="6668"/>
                  </a:cubicBezTo>
                  <a:cubicBezTo>
                    <a:pt x="61620" y="11430"/>
                    <a:pt x="49237" y="18098"/>
                    <a:pt x="37807" y="26670"/>
                  </a:cubicBezTo>
                  <a:cubicBezTo>
                    <a:pt x="33997" y="29527"/>
                    <a:pt x="32092" y="33338"/>
                    <a:pt x="31140" y="37148"/>
                  </a:cubicBezTo>
                  <a:lnTo>
                    <a:pt x="660" y="175260"/>
                  </a:lnTo>
                  <a:cubicBezTo>
                    <a:pt x="-2198" y="185738"/>
                    <a:pt x="4470" y="197168"/>
                    <a:pt x="15900" y="199073"/>
                  </a:cubicBezTo>
                  <a:cubicBezTo>
                    <a:pt x="16852" y="199073"/>
                    <a:pt x="17805" y="199073"/>
                    <a:pt x="18757" y="199073"/>
                  </a:cubicBezTo>
                  <a:cubicBezTo>
                    <a:pt x="27330" y="199073"/>
                    <a:pt x="34950" y="193358"/>
                    <a:pt x="37807" y="183833"/>
                  </a:cubicBezTo>
                  <a:lnTo>
                    <a:pt x="66382" y="57150"/>
                  </a:lnTo>
                  <a:lnTo>
                    <a:pt x="66382" y="124777"/>
                  </a:lnTo>
                  <a:lnTo>
                    <a:pt x="37807" y="266700"/>
                  </a:lnTo>
                  <a:lnTo>
                    <a:pt x="66382" y="266700"/>
                  </a:lnTo>
                  <a:lnTo>
                    <a:pt x="66382" y="428625"/>
                  </a:lnTo>
                  <a:lnTo>
                    <a:pt x="104482" y="428625"/>
                  </a:lnTo>
                  <a:lnTo>
                    <a:pt x="104482" y="266700"/>
                  </a:lnTo>
                  <a:lnTo>
                    <a:pt x="123532" y="266700"/>
                  </a:lnTo>
                  <a:lnTo>
                    <a:pt x="123532" y="428625"/>
                  </a:lnTo>
                  <a:lnTo>
                    <a:pt x="161632" y="428625"/>
                  </a:lnTo>
                  <a:lnTo>
                    <a:pt x="161632" y="266700"/>
                  </a:lnTo>
                  <a:lnTo>
                    <a:pt x="190207" y="266700"/>
                  </a:lnTo>
                  <a:lnTo>
                    <a:pt x="161632" y="124777"/>
                  </a:lnTo>
                  <a:lnTo>
                    <a:pt x="161632" y="57150"/>
                  </a:lnTo>
                  <a:lnTo>
                    <a:pt x="190207" y="184785"/>
                  </a:lnTo>
                  <a:cubicBezTo>
                    <a:pt x="192113" y="193358"/>
                    <a:pt x="199732" y="200025"/>
                    <a:pt x="208305" y="200025"/>
                  </a:cubicBezTo>
                  <a:lnTo>
                    <a:pt x="208305" y="200025"/>
                  </a:lnTo>
                  <a:cubicBezTo>
                    <a:pt x="216877" y="200025"/>
                    <a:pt x="224498" y="194310"/>
                    <a:pt x="226402" y="184785"/>
                  </a:cubicBezTo>
                  <a:lnTo>
                    <a:pt x="256882" y="57150"/>
                  </a:lnTo>
                  <a:lnTo>
                    <a:pt x="256882" y="209550"/>
                  </a:lnTo>
                  <a:lnTo>
                    <a:pt x="256882" y="428625"/>
                  </a:lnTo>
                  <a:lnTo>
                    <a:pt x="294983" y="428625"/>
                  </a:lnTo>
                  <a:lnTo>
                    <a:pt x="294983" y="209550"/>
                  </a:lnTo>
                  <a:lnTo>
                    <a:pt x="314033" y="209550"/>
                  </a:lnTo>
                  <a:lnTo>
                    <a:pt x="314033" y="428625"/>
                  </a:lnTo>
                  <a:lnTo>
                    <a:pt x="352133" y="428625"/>
                  </a:lnTo>
                  <a:lnTo>
                    <a:pt x="352133" y="209550"/>
                  </a:lnTo>
                  <a:lnTo>
                    <a:pt x="352133" y="57150"/>
                  </a:lnTo>
                  <a:lnTo>
                    <a:pt x="380708" y="184785"/>
                  </a:lnTo>
                  <a:cubicBezTo>
                    <a:pt x="382613" y="193358"/>
                    <a:pt x="390233" y="200025"/>
                    <a:pt x="399758" y="200025"/>
                  </a:cubicBezTo>
                  <a:cubicBezTo>
                    <a:pt x="399758" y="200025"/>
                    <a:pt x="399758" y="200025"/>
                    <a:pt x="399758" y="200025"/>
                  </a:cubicBezTo>
                  <a:lnTo>
                    <a:pt x="399758" y="200025"/>
                  </a:lnTo>
                  <a:cubicBezTo>
                    <a:pt x="408330" y="200025"/>
                    <a:pt x="415950" y="194310"/>
                    <a:pt x="417855" y="184785"/>
                  </a:cubicBezTo>
                  <a:lnTo>
                    <a:pt x="447383" y="57150"/>
                  </a:lnTo>
                  <a:lnTo>
                    <a:pt x="447383" y="125730"/>
                  </a:lnTo>
                  <a:lnTo>
                    <a:pt x="418808" y="266700"/>
                  </a:lnTo>
                  <a:lnTo>
                    <a:pt x="447383" y="266700"/>
                  </a:lnTo>
                  <a:lnTo>
                    <a:pt x="447383" y="428625"/>
                  </a:lnTo>
                  <a:lnTo>
                    <a:pt x="485483" y="428625"/>
                  </a:lnTo>
                  <a:lnTo>
                    <a:pt x="485483" y="266700"/>
                  </a:lnTo>
                  <a:lnTo>
                    <a:pt x="504533" y="266700"/>
                  </a:lnTo>
                  <a:lnTo>
                    <a:pt x="504533" y="428625"/>
                  </a:lnTo>
                  <a:lnTo>
                    <a:pt x="542633" y="428625"/>
                  </a:lnTo>
                  <a:lnTo>
                    <a:pt x="542633" y="266700"/>
                  </a:lnTo>
                  <a:lnTo>
                    <a:pt x="571208" y="266700"/>
                  </a:lnTo>
                  <a:lnTo>
                    <a:pt x="542633" y="123825"/>
                  </a:lnTo>
                  <a:lnTo>
                    <a:pt x="542633" y="57150"/>
                  </a:lnTo>
                  <a:lnTo>
                    <a:pt x="571208" y="184785"/>
                  </a:lnTo>
                  <a:cubicBezTo>
                    <a:pt x="573112" y="193358"/>
                    <a:pt x="580733" y="200025"/>
                    <a:pt x="590258" y="200025"/>
                  </a:cubicBezTo>
                  <a:cubicBezTo>
                    <a:pt x="590258" y="200025"/>
                    <a:pt x="590258" y="200025"/>
                    <a:pt x="590258" y="200025"/>
                  </a:cubicBezTo>
                  <a:lnTo>
                    <a:pt x="590258" y="200025"/>
                  </a:lnTo>
                  <a:cubicBezTo>
                    <a:pt x="590258" y="200025"/>
                    <a:pt x="590258" y="200025"/>
                    <a:pt x="590258" y="200025"/>
                  </a:cubicBezTo>
                  <a:cubicBezTo>
                    <a:pt x="598830" y="200025"/>
                    <a:pt x="606450" y="194310"/>
                    <a:pt x="609308" y="184785"/>
                  </a:cubicBezTo>
                  <a:lnTo>
                    <a:pt x="637883" y="57150"/>
                  </a:lnTo>
                  <a:lnTo>
                    <a:pt x="637883" y="209550"/>
                  </a:lnTo>
                  <a:lnTo>
                    <a:pt x="637883" y="428625"/>
                  </a:lnTo>
                  <a:lnTo>
                    <a:pt x="675983" y="428625"/>
                  </a:lnTo>
                  <a:lnTo>
                    <a:pt x="675983" y="209550"/>
                  </a:lnTo>
                  <a:lnTo>
                    <a:pt x="695033" y="209550"/>
                  </a:lnTo>
                  <a:lnTo>
                    <a:pt x="695033" y="428625"/>
                  </a:lnTo>
                  <a:lnTo>
                    <a:pt x="733133" y="428625"/>
                  </a:lnTo>
                  <a:lnTo>
                    <a:pt x="733133" y="209550"/>
                  </a:lnTo>
                  <a:lnTo>
                    <a:pt x="733133" y="57150"/>
                  </a:lnTo>
                  <a:lnTo>
                    <a:pt x="761708" y="184785"/>
                  </a:lnTo>
                  <a:cubicBezTo>
                    <a:pt x="763612" y="193358"/>
                    <a:pt x="771233" y="200025"/>
                    <a:pt x="780758" y="200025"/>
                  </a:cubicBezTo>
                  <a:cubicBezTo>
                    <a:pt x="782662" y="200025"/>
                    <a:pt x="785520" y="200025"/>
                    <a:pt x="787425" y="199073"/>
                  </a:cubicBezTo>
                  <a:cubicBezTo>
                    <a:pt x="795998" y="195263"/>
                    <a:pt x="800760" y="185738"/>
                    <a:pt x="798855" y="176213"/>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grpSp>
      <p:grpSp>
        <p:nvGrpSpPr>
          <p:cNvPr id="80" name="Gruppieren 79">
            <a:extLst>
              <a:ext uri="{FF2B5EF4-FFF2-40B4-BE49-F238E27FC236}">
                <a16:creationId xmlns:a16="http://schemas.microsoft.com/office/drawing/2014/main" id="{9EAC3C7D-B25C-5E8C-27D0-0BA67E13623F}"/>
              </a:ext>
            </a:extLst>
          </p:cNvPr>
          <p:cNvGrpSpPr>
            <a:grpSpLocks noChangeAspect="1"/>
          </p:cNvGrpSpPr>
          <p:nvPr/>
        </p:nvGrpSpPr>
        <p:grpSpPr bwMode="gray">
          <a:xfrm>
            <a:off x="7900260" y="548680"/>
            <a:ext cx="360000" cy="360000"/>
            <a:chOff x="7005638" y="6053584"/>
            <a:chExt cx="723900" cy="723900"/>
          </a:xfrm>
          <a:solidFill>
            <a:schemeClr val="bg1"/>
          </a:solidFill>
        </p:grpSpPr>
        <p:sp>
          <p:nvSpPr>
            <p:cNvPr id="81" name="Freihandform: Form 80">
              <a:extLst>
                <a:ext uri="{FF2B5EF4-FFF2-40B4-BE49-F238E27FC236}">
                  <a16:creationId xmlns:a16="http://schemas.microsoft.com/office/drawing/2014/main" id="{7E5DD13D-379E-6AAA-CB96-66919BF78BB3}"/>
                </a:ext>
              </a:extLst>
            </p:cNvPr>
            <p:cNvSpPr/>
            <p:nvPr/>
          </p:nvSpPr>
          <p:spPr bwMode="gray">
            <a:xfrm>
              <a:off x="7005638" y="6053584"/>
              <a:ext cx="723900" cy="723900"/>
            </a:xfrm>
            <a:custGeom>
              <a:avLst/>
              <a:gdLst>
                <a:gd name="connsiteX0" fmla="*/ 361950 w 723900"/>
                <a:gd name="connsiteY0" fmla="*/ 0 h 723900"/>
                <a:gd name="connsiteX1" fmla="*/ 0 w 723900"/>
                <a:gd name="connsiteY1" fmla="*/ 361950 h 723900"/>
                <a:gd name="connsiteX2" fmla="*/ 361950 w 723900"/>
                <a:gd name="connsiteY2" fmla="*/ 723900 h 723900"/>
                <a:gd name="connsiteX3" fmla="*/ 723900 w 723900"/>
                <a:gd name="connsiteY3" fmla="*/ 361950 h 723900"/>
                <a:gd name="connsiteX4" fmla="*/ 361950 w 723900"/>
                <a:gd name="connsiteY4" fmla="*/ 0 h 723900"/>
                <a:gd name="connsiteX5" fmla="*/ 361950 w 723900"/>
                <a:gd name="connsiteY5" fmla="*/ 685800 h 723900"/>
                <a:gd name="connsiteX6" fmla="*/ 38100 w 723900"/>
                <a:gd name="connsiteY6" fmla="*/ 361950 h 723900"/>
                <a:gd name="connsiteX7" fmla="*/ 361950 w 723900"/>
                <a:gd name="connsiteY7" fmla="*/ 38100 h 723900"/>
                <a:gd name="connsiteX8" fmla="*/ 492443 w 723900"/>
                <a:gd name="connsiteY8" fmla="*/ 65723 h 723900"/>
                <a:gd name="connsiteX9" fmla="*/ 461963 w 723900"/>
                <a:gd name="connsiteY9" fmla="*/ 90488 h 723900"/>
                <a:gd name="connsiteX10" fmla="*/ 449580 w 723900"/>
                <a:gd name="connsiteY10" fmla="*/ 95250 h 723900"/>
                <a:gd name="connsiteX11" fmla="*/ 431483 w 723900"/>
                <a:gd name="connsiteY11" fmla="*/ 95250 h 723900"/>
                <a:gd name="connsiteX12" fmla="*/ 424815 w 723900"/>
                <a:gd name="connsiteY12" fmla="*/ 94298 h 723900"/>
                <a:gd name="connsiteX13" fmla="*/ 351473 w 723900"/>
                <a:gd name="connsiteY13" fmla="*/ 66675 h 723900"/>
                <a:gd name="connsiteX14" fmla="*/ 265748 w 723900"/>
                <a:gd name="connsiteY14" fmla="*/ 95250 h 723900"/>
                <a:gd name="connsiteX15" fmla="*/ 274320 w 723900"/>
                <a:gd name="connsiteY15" fmla="*/ 123825 h 723900"/>
                <a:gd name="connsiteX16" fmla="*/ 276225 w 723900"/>
                <a:gd name="connsiteY16" fmla="*/ 123825 h 723900"/>
                <a:gd name="connsiteX17" fmla="*/ 302895 w 723900"/>
                <a:gd name="connsiteY17" fmla="*/ 123825 h 723900"/>
                <a:gd name="connsiteX18" fmla="*/ 319088 w 723900"/>
                <a:gd name="connsiteY18" fmla="*/ 115253 h 723900"/>
                <a:gd name="connsiteX19" fmla="*/ 329565 w 723900"/>
                <a:gd name="connsiteY19" fmla="*/ 99060 h 723900"/>
                <a:gd name="connsiteX20" fmla="*/ 337185 w 723900"/>
                <a:gd name="connsiteY20" fmla="*/ 95250 h 723900"/>
                <a:gd name="connsiteX21" fmla="*/ 352425 w 723900"/>
                <a:gd name="connsiteY21" fmla="*/ 95250 h 723900"/>
                <a:gd name="connsiteX22" fmla="*/ 332423 w 723900"/>
                <a:gd name="connsiteY22" fmla="*/ 128588 h 723900"/>
                <a:gd name="connsiteX23" fmla="*/ 307658 w 723900"/>
                <a:gd name="connsiteY23" fmla="*/ 142875 h 723900"/>
                <a:gd name="connsiteX24" fmla="*/ 281940 w 723900"/>
                <a:gd name="connsiteY24" fmla="*/ 142875 h 723900"/>
                <a:gd name="connsiteX25" fmla="*/ 271463 w 723900"/>
                <a:gd name="connsiteY25" fmla="*/ 145733 h 723900"/>
                <a:gd name="connsiteX26" fmla="*/ 247650 w 723900"/>
                <a:gd name="connsiteY26" fmla="*/ 161925 h 723900"/>
                <a:gd name="connsiteX27" fmla="*/ 228600 w 723900"/>
                <a:gd name="connsiteY27" fmla="*/ 161925 h 723900"/>
                <a:gd name="connsiteX28" fmla="*/ 219075 w 723900"/>
                <a:gd name="connsiteY28" fmla="*/ 171450 h 723900"/>
                <a:gd name="connsiteX29" fmla="*/ 219075 w 723900"/>
                <a:gd name="connsiteY29" fmla="*/ 180975 h 723900"/>
                <a:gd name="connsiteX30" fmla="*/ 209550 w 723900"/>
                <a:gd name="connsiteY30" fmla="*/ 190500 h 723900"/>
                <a:gd name="connsiteX31" fmla="*/ 200978 w 723900"/>
                <a:gd name="connsiteY31" fmla="*/ 190500 h 723900"/>
                <a:gd name="connsiteX32" fmla="*/ 184785 w 723900"/>
                <a:gd name="connsiteY32" fmla="*/ 199073 h 723900"/>
                <a:gd name="connsiteX33" fmla="*/ 173355 w 723900"/>
                <a:gd name="connsiteY33" fmla="*/ 217170 h 723900"/>
                <a:gd name="connsiteX34" fmla="*/ 171450 w 723900"/>
                <a:gd name="connsiteY34" fmla="*/ 222885 h 723900"/>
                <a:gd name="connsiteX35" fmla="*/ 171450 w 723900"/>
                <a:gd name="connsiteY35" fmla="*/ 228600 h 723900"/>
                <a:gd name="connsiteX36" fmla="*/ 180975 w 723900"/>
                <a:gd name="connsiteY36" fmla="*/ 238125 h 723900"/>
                <a:gd name="connsiteX37" fmla="*/ 215265 w 723900"/>
                <a:gd name="connsiteY37" fmla="*/ 238125 h 723900"/>
                <a:gd name="connsiteX38" fmla="*/ 221933 w 723900"/>
                <a:gd name="connsiteY38" fmla="*/ 235268 h 723900"/>
                <a:gd name="connsiteX39" fmla="*/ 251460 w 723900"/>
                <a:gd name="connsiteY39" fmla="*/ 205740 h 723900"/>
                <a:gd name="connsiteX40" fmla="*/ 264795 w 723900"/>
                <a:gd name="connsiteY40" fmla="*/ 200025 h 723900"/>
                <a:gd name="connsiteX41" fmla="*/ 268605 w 723900"/>
                <a:gd name="connsiteY41" fmla="*/ 200025 h 723900"/>
                <a:gd name="connsiteX42" fmla="*/ 278130 w 723900"/>
                <a:gd name="connsiteY42" fmla="*/ 207645 h 723900"/>
                <a:gd name="connsiteX43" fmla="*/ 283845 w 723900"/>
                <a:gd name="connsiteY43" fmla="*/ 231458 h 723900"/>
                <a:gd name="connsiteX44" fmla="*/ 293370 w 723900"/>
                <a:gd name="connsiteY44" fmla="*/ 239077 h 723900"/>
                <a:gd name="connsiteX45" fmla="*/ 295275 w 723900"/>
                <a:gd name="connsiteY45" fmla="*/ 239077 h 723900"/>
                <a:gd name="connsiteX46" fmla="*/ 304800 w 723900"/>
                <a:gd name="connsiteY46" fmla="*/ 229552 h 723900"/>
                <a:gd name="connsiteX47" fmla="*/ 304800 w 723900"/>
                <a:gd name="connsiteY47" fmla="*/ 204788 h 723900"/>
                <a:gd name="connsiteX48" fmla="*/ 307658 w 723900"/>
                <a:gd name="connsiteY48" fmla="*/ 198120 h 723900"/>
                <a:gd name="connsiteX49" fmla="*/ 314325 w 723900"/>
                <a:gd name="connsiteY49" fmla="*/ 190500 h 723900"/>
                <a:gd name="connsiteX50" fmla="*/ 321945 w 723900"/>
                <a:gd name="connsiteY50" fmla="*/ 212408 h 723900"/>
                <a:gd name="connsiteX51" fmla="*/ 330518 w 723900"/>
                <a:gd name="connsiteY51" fmla="*/ 219075 h 723900"/>
                <a:gd name="connsiteX52" fmla="*/ 339090 w 723900"/>
                <a:gd name="connsiteY52" fmla="*/ 219075 h 723900"/>
                <a:gd name="connsiteX53" fmla="*/ 345758 w 723900"/>
                <a:gd name="connsiteY53" fmla="*/ 216218 h 723900"/>
                <a:gd name="connsiteX54" fmla="*/ 349568 w 723900"/>
                <a:gd name="connsiteY54" fmla="*/ 212408 h 723900"/>
                <a:gd name="connsiteX55" fmla="*/ 356235 w 723900"/>
                <a:gd name="connsiteY55" fmla="*/ 209550 h 723900"/>
                <a:gd name="connsiteX56" fmla="*/ 361950 w 723900"/>
                <a:gd name="connsiteY56" fmla="*/ 209550 h 723900"/>
                <a:gd name="connsiteX57" fmla="*/ 371475 w 723900"/>
                <a:gd name="connsiteY57" fmla="*/ 219075 h 723900"/>
                <a:gd name="connsiteX58" fmla="*/ 371475 w 723900"/>
                <a:gd name="connsiteY58" fmla="*/ 228600 h 723900"/>
                <a:gd name="connsiteX59" fmla="*/ 381000 w 723900"/>
                <a:gd name="connsiteY59" fmla="*/ 238125 h 723900"/>
                <a:gd name="connsiteX60" fmla="*/ 415290 w 723900"/>
                <a:gd name="connsiteY60" fmla="*/ 238125 h 723900"/>
                <a:gd name="connsiteX61" fmla="*/ 423863 w 723900"/>
                <a:gd name="connsiteY61" fmla="*/ 250508 h 723900"/>
                <a:gd name="connsiteX62" fmla="*/ 421005 w 723900"/>
                <a:gd name="connsiteY62" fmla="*/ 259080 h 723900"/>
                <a:gd name="connsiteX63" fmla="*/ 410528 w 723900"/>
                <a:gd name="connsiteY63" fmla="*/ 265748 h 723900"/>
                <a:gd name="connsiteX64" fmla="*/ 364808 w 723900"/>
                <a:gd name="connsiteY64" fmla="*/ 258127 h 723900"/>
                <a:gd name="connsiteX65" fmla="*/ 358140 w 723900"/>
                <a:gd name="connsiteY65" fmla="*/ 258127 h 723900"/>
                <a:gd name="connsiteX66" fmla="*/ 319088 w 723900"/>
                <a:gd name="connsiteY66" fmla="*/ 265748 h 723900"/>
                <a:gd name="connsiteX67" fmla="*/ 308610 w 723900"/>
                <a:gd name="connsiteY67" fmla="*/ 264795 h 723900"/>
                <a:gd name="connsiteX68" fmla="*/ 247650 w 723900"/>
                <a:gd name="connsiteY68" fmla="*/ 247650 h 723900"/>
                <a:gd name="connsiteX69" fmla="*/ 133350 w 723900"/>
                <a:gd name="connsiteY69" fmla="*/ 352425 h 723900"/>
                <a:gd name="connsiteX70" fmla="*/ 190500 w 723900"/>
                <a:gd name="connsiteY70" fmla="*/ 419100 h 723900"/>
                <a:gd name="connsiteX71" fmla="*/ 285750 w 723900"/>
                <a:gd name="connsiteY71" fmla="*/ 495300 h 723900"/>
                <a:gd name="connsiteX72" fmla="*/ 285750 w 723900"/>
                <a:gd name="connsiteY72" fmla="*/ 554355 h 723900"/>
                <a:gd name="connsiteX73" fmla="*/ 297180 w 723900"/>
                <a:gd name="connsiteY73" fmla="*/ 584835 h 723900"/>
                <a:gd name="connsiteX74" fmla="*/ 324803 w 723900"/>
                <a:gd name="connsiteY74" fmla="*/ 618173 h 723900"/>
                <a:gd name="connsiteX75" fmla="*/ 346710 w 723900"/>
                <a:gd name="connsiteY75" fmla="*/ 628650 h 723900"/>
                <a:gd name="connsiteX76" fmla="*/ 369570 w 723900"/>
                <a:gd name="connsiteY76" fmla="*/ 628650 h 723900"/>
                <a:gd name="connsiteX77" fmla="*/ 389573 w 723900"/>
                <a:gd name="connsiteY77" fmla="*/ 620078 h 723900"/>
                <a:gd name="connsiteX78" fmla="*/ 412433 w 723900"/>
                <a:gd name="connsiteY78" fmla="*/ 597218 h 723900"/>
                <a:gd name="connsiteX79" fmla="*/ 422910 w 723900"/>
                <a:gd name="connsiteY79" fmla="*/ 581978 h 723900"/>
                <a:gd name="connsiteX80" fmla="*/ 441960 w 723900"/>
                <a:gd name="connsiteY80" fmla="*/ 542925 h 723900"/>
                <a:gd name="connsiteX81" fmla="*/ 446723 w 723900"/>
                <a:gd name="connsiteY81" fmla="*/ 521970 h 723900"/>
                <a:gd name="connsiteX82" fmla="*/ 446723 w 723900"/>
                <a:gd name="connsiteY82" fmla="*/ 478155 h 723900"/>
                <a:gd name="connsiteX83" fmla="*/ 455295 w 723900"/>
                <a:gd name="connsiteY83" fmla="*/ 458153 h 723900"/>
                <a:gd name="connsiteX84" fmla="*/ 505778 w 723900"/>
                <a:gd name="connsiteY84" fmla="*/ 407670 h 723900"/>
                <a:gd name="connsiteX85" fmla="*/ 504825 w 723900"/>
                <a:gd name="connsiteY85" fmla="*/ 393383 h 723900"/>
                <a:gd name="connsiteX86" fmla="*/ 416243 w 723900"/>
                <a:gd name="connsiteY86" fmla="*/ 300038 h 723900"/>
                <a:gd name="connsiteX87" fmla="*/ 424815 w 723900"/>
                <a:gd name="connsiteY87" fmla="*/ 285750 h 723900"/>
                <a:gd name="connsiteX88" fmla="*/ 428625 w 723900"/>
                <a:gd name="connsiteY88" fmla="*/ 285750 h 723900"/>
                <a:gd name="connsiteX89" fmla="*/ 482918 w 723900"/>
                <a:gd name="connsiteY89" fmla="*/ 356235 h 723900"/>
                <a:gd name="connsiteX90" fmla="*/ 510540 w 723900"/>
                <a:gd name="connsiteY90" fmla="*/ 359093 h 723900"/>
                <a:gd name="connsiteX91" fmla="*/ 541973 w 723900"/>
                <a:gd name="connsiteY91" fmla="*/ 332423 h 723900"/>
                <a:gd name="connsiteX92" fmla="*/ 541020 w 723900"/>
                <a:gd name="connsiteY92" fmla="*/ 317183 h 723900"/>
                <a:gd name="connsiteX93" fmla="*/ 512445 w 723900"/>
                <a:gd name="connsiteY93" fmla="*/ 300038 h 723900"/>
                <a:gd name="connsiteX94" fmla="*/ 508635 w 723900"/>
                <a:gd name="connsiteY94" fmla="*/ 287655 h 723900"/>
                <a:gd name="connsiteX95" fmla="*/ 509588 w 723900"/>
                <a:gd name="connsiteY95" fmla="*/ 285750 h 723900"/>
                <a:gd name="connsiteX96" fmla="*/ 522923 w 723900"/>
                <a:gd name="connsiteY96" fmla="*/ 281940 h 723900"/>
                <a:gd name="connsiteX97" fmla="*/ 557213 w 723900"/>
                <a:gd name="connsiteY97" fmla="*/ 302895 h 723900"/>
                <a:gd name="connsiteX98" fmla="*/ 566738 w 723900"/>
                <a:gd name="connsiteY98" fmla="*/ 305753 h 723900"/>
                <a:gd name="connsiteX99" fmla="*/ 577215 w 723900"/>
                <a:gd name="connsiteY99" fmla="*/ 305753 h 723900"/>
                <a:gd name="connsiteX100" fmla="*/ 594360 w 723900"/>
                <a:gd name="connsiteY100" fmla="*/ 317183 h 723900"/>
                <a:gd name="connsiteX101" fmla="*/ 621983 w 723900"/>
                <a:gd name="connsiteY101" fmla="*/ 380048 h 723900"/>
                <a:gd name="connsiteX102" fmla="*/ 639128 w 723900"/>
                <a:gd name="connsiteY102" fmla="*/ 391478 h 723900"/>
                <a:gd name="connsiteX103" fmla="*/ 639128 w 723900"/>
                <a:gd name="connsiteY103" fmla="*/ 391478 h 723900"/>
                <a:gd name="connsiteX104" fmla="*/ 655320 w 723900"/>
                <a:gd name="connsiteY104" fmla="*/ 375285 h 723900"/>
                <a:gd name="connsiteX105" fmla="*/ 655320 w 723900"/>
                <a:gd name="connsiteY105" fmla="*/ 348615 h 723900"/>
                <a:gd name="connsiteX106" fmla="*/ 659130 w 723900"/>
                <a:gd name="connsiteY106" fmla="*/ 340995 h 723900"/>
                <a:gd name="connsiteX107" fmla="*/ 681038 w 723900"/>
                <a:gd name="connsiteY107" fmla="*/ 323850 h 723900"/>
                <a:gd name="connsiteX108" fmla="*/ 683895 w 723900"/>
                <a:gd name="connsiteY108" fmla="*/ 362903 h 723900"/>
                <a:gd name="connsiteX109" fmla="*/ 361950 w 723900"/>
                <a:gd name="connsiteY109" fmla="*/ 685800 h 723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Lst>
              <a:rect l="l" t="t" r="r" b="b"/>
              <a:pathLst>
                <a:path w="723900" h="723900">
                  <a:moveTo>
                    <a:pt x="361950" y="0"/>
                  </a:moveTo>
                  <a:cubicBezTo>
                    <a:pt x="161925" y="0"/>
                    <a:pt x="0" y="161925"/>
                    <a:pt x="0" y="361950"/>
                  </a:cubicBezTo>
                  <a:cubicBezTo>
                    <a:pt x="0" y="561975"/>
                    <a:pt x="161925" y="723900"/>
                    <a:pt x="361950" y="723900"/>
                  </a:cubicBezTo>
                  <a:cubicBezTo>
                    <a:pt x="561975" y="723900"/>
                    <a:pt x="723900" y="561975"/>
                    <a:pt x="723900" y="361950"/>
                  </a:cubicBezTo>
                  <a:cubicBezTo>
                    <a:pt x="723900" y="161925"/>
                    <a:pt x="561975" y="0"/>
                    <a:pt x="361950" y="0"/>
                  </a:cubicBezTo>
                  <a:close/>
                  <a:moveTo>
                    <a:pt x="361950" y="685800"/>
                  </a:moveTo>
                  <a:cubicBezTo>
                    <a:pt x="183833" y="685800"/>
                    <a:pt x="38100" y="540068"/>
                    <a:pt x="38100" y="361950"/>
                  </a:cubicBezTo>
                  <a:cubicBezTo>
                    <a:pt x="38100" y="183833"/>
                    <a:pt x="183833" y="38100"/>
                    <a:pt x="361950" y="38100"/>
                  </a:cubicBezTo>
                  <a:cubicBezTo>
                    <a:pt x="408623" y="38100"/>
                    <a:pt x="452438" y="47625"/>
                    <a:pt x="492443" y="65723"/>
                  </a:cubicBezTo>
                  <a:lnTo>
                    <a:pt x="461963" y="90488"/>
                  </a:lnTo>
                  <a:cubicBezTo>
                    <a:pt x="458153" y="93345"/>
                    <a:pt x="454343" y="95250"/>
                    <a:pt x="449580" y="95250"/>
                  </a:cubicBezTo>
                  <a:lnTo>
                    <a:pt x="431483" y="95250"/>
                  </a:lnTo>
                  <a:cubicBezTo>
                    <a:pt x="429578" y="95250"/>
                    <a:pt x="426720" y="95250"/>
                    <a:pt x="424815" y="94298"/>
                  </a:cubicBezTo>
                  <a:cubicBezTo>
                    <a:pt x="424815" y="94298"/>
                    <a:pt x="378143" y="66675"/>
                    <a:pt x="351473" y="66675"/>
                  </a:cubicBezTo>
                  <a:cubicBezTo>
                    <a:pt x="325755" y="66675"/>
                    <a:pt x="283845" y="82868"/>
                    <a:pt x="265748" y="95250"/>
                  </a:cubicBezTo>
                  <a:cubicBezTo>
                    <a:pt x="238125" y="113348"/>
                    <a:pt x="267653" y="121920"/>
                    <a:pt x="274320" y="123825"/>
                  </a:cubicBezTo>
                  <a:cubicBezTo>
                    <a:pt x="275273" y="123825"/>
                    <a:pt x="276225" y="123825"/>
                    <a:pt x="276225" y="123825"/>
                  </a:cubicBezTo>
                  <a:lnTo>
                    <a:pt x="302895" y="123825"/>
                  </a:lnTo>
                  <a:cubicBezTo>
                    <a:pt x="309563" y="123825"/>
                    <a:pt x="315278" y="120968"/>
                    <a:pt x="319088" y="115253"/>
                  </a:cubicBezTo>
                  <a:lnTo>
                    <a:pt x="329565" y="99060"/>
                  </a:lnTo>
                  <a:cubicBezTo>
                    <a:pt x="331470" y="96203"/>
                    <a:pt x="334328" y="95250"/>
                    <a:pt x="337185" y="95250"/>
                  </a:cubicBezTo>
                  <a:lnTo>
                    <a:pt x="352425" y="95250"/>
                  </a:lnTo>
                  <a:lnTo>
                    <a:pt x="332423" y="128588"/>
                  </a:lnTo>
                  <a:cubicBezTo>
                    <a:pt x="327660" y="137160"/>
                    <a:pt x="318135" y="142875"/>
                    <a:pt x="307658" y="142875"/>
                  </a:cubicBezTo>
                  <a:lnTo>
                    <a:pt x="281940" y="142875"/>
                  </a:lnTo>
                  <a:cubicBezTo>
                    <a:pt x="278130" y="142875"/>
                    <a:pt x="274320" y="143828"/>
                    <a:pt x="271463" y="145733"/>
                  </a:cubicBezTo>
                  <a:lnTo>
                    <a:pt x="247650" y="161925"/>
                  </a:lnTo>
                  <a:lnTo>
                    <a:pt x="228600" y="161925"/>
                  </a:lnTo>
                  <a:cubicBezTo>
                    <a:pt x="222885" y="161925"/>
                    <a:pt x="219075" y="165735"/>
                    <a:pt x="219075" y="171450"/>
                  </a:cubicBezTo>
                  <a:lnTo>
                    <a:pt x="219075" y="180975"/>
                  </a:lnTo>
                  <a:cubicBezTo>
                    <a:pt x="219075" y="186690"/>
                    <a:pt x="215265" y="190500"/>
                    <a:pt x="209550" y="190500"/>
                  </a:cubicBezTo>
                  <a:lnTo>
                    <a:pt x="200978" y="190500"/>
                  </a:lnTo>
                  <a:cubicBezTo>
                    <a:pt x="194310" y="190500"/>
                    <a:pt x="188595" y="193358"/>
                    <a:pt x="184785" y="199073"/>
                  </a:cubicBezTo>
                  <a:lnTo>
                    <a:pt x="173355" y="217170"/>
                  </a:lnTo>
                  <a:cubicBezTo>
                    <a:pt x="172403" y="219075"/>
                    <a:pt x="171450" y="220980"/>
                    <a:pt x="171450" y="222885"/>
                  </a:cubicBezTo>
                  <a:lnTo>
                    <a:pt x="171450" y="228600"/>
                  </a:lnTo>
                  <a:cubicBezTo>
                    <a:pt x="171450" y="234315"/>
                    <a:pt x="175260" y="238125"/>
                    <a:pt x="180975" y="238125"/>
                  </a:cubicBezTo>
                  <a:lnTo>
                    <a:pt x="215265" y="238125"/>
                  </a:lnTo>
                  <a:cubicBezTo>
                    <a:pt x="218123" y="238125"/>
                    <a:pt x="220027" y="237173"/>
                    <a:pt x="221933" y="235268"/>
                  </a:cubicBezTo>
                  <a:lnTo>
                    <a:pt x="251460" y="205740"/>
                  </a:lnTo>
                  <a:cubicBezTo>
                    <a:pt x="255270" y="201930"/>
                    <a:pt x="260033" y="200025"/>
                    <a:pt x="264795" y="200025"/>
                  </a:cubicBezTo>
                  <a:lnTo>
                    <a:pt x="268605" y="200025"/>
                  </a:lnTo>
                  <a:cubicBezTo>
                    <a:pt x="273368" y="200025"/>
                    <a:pt x="277178" y="202883"/>
                    <a:pt x="278130" y="207645"/>
                  </a:cubicBezTo>
                  <a:lnTo>
                    <a:pt x="283845" y="231458"/>
                  </a:lnTo>
                  <a:cubicBezTo>
                    <a:pt x="284798" y="235268"/>
                    <a:pt x="288608" y="239077"/>
                    <a:pt x="293370" y="239077"/>
                  </a:cubicBezTo>
                  <a:lnTo>
                    <a:pt x="295275" y="239077"/>
                  </a:lnTo>
                  <a:cubicBezTo>
                    <a:pt x="300990" y="239077"/>
                    <a:pt x="304800" y="235268"/>
                    <a:pt x="304800" y="229552"/>
                  </a:cubicBezTo>
                  <a:lnTo>
                    <a:pt x="304800" y="204788"/>
                  </a:lnTo>
                  <a:cubicBezTo>
                    <a:pt x="304800" y="201930"/>
                    <a:pt x="305753" y="200025"/>
                    <a:pt x="307658" y="198120"/>
                  </a:cubicBezTo>
                  <a:lnTo>
                    <a:pt x="314325" y="190500"/>
                  </a:lnTo>
                  <a:lnTo>
                    <a:pt x="321945" y="212408"/>
                  </a:lnTo>
                  <a:cubicBezTo>
                    <a:pt x="322898" y="216218"/>
                    <a:pt x="326708" y="219075"/>
                    <a:pt x="330518" y="219075"/>
                  </a:cubicBezTo>
                  <a:lnTo>
                    <a:pt x="339090" y="219075"/>
                  </a:lnTo>
                  <a:cubicBezTo>
                    <a:pt x="341948" y="219075"/>
                    <a:pt x="343853" y="218123"/>
                    <a:pt x="345758" y="216218"/>
                  </a:cubicBezTo>
                  <a:lnTo>
                    <a:pt x="349568" y="212408"/>
                  </a:lnTo>
                  <a:cubicBezTo>
                    <a:pt x="351473" y="210502"/>
                    <a:pt x="353378" y="209550"/>
                    <a:pt x="356235" y="209550"/>
                  </a:cubicBezTo>
                  <a:lnTo>
                    <a:pt x="361950" y="209550"/>
                  </a:lnTo>
                  <a:cubicBezTo>
                    <a:pt x="367665" y="209550"/>
                    <a:pt x="371475" y="213360"/>
                    <a:pt x="371475" y="219075"/>
                  </a:cubicBezTo>
                  <a:lnTo>
                    <a:pt x="371475" y="228600"/>
                  </a:lnTo>
                  <a:cubicBezTo>
                    <a:pt x="371475" y="234315"/>
                    <a:pt x="375285" y="238125"/>
                    <a:pt x="381000" y="238125"/>
                  </a:cubicBezTo>
                  <a:lnTo>
                    <a:pt x="415290" y="238125"/>
                  </a:lnTo>
                  <a:cubicBezTo>
                    <a:pt x="421958" y="238125"/>
                    <a:pt x="426720" y="244793"/>
                    <a:pt x="423863" y="250508"/>
                  </a:cubicBezTo>
                  <a:lnTo>
                    <a:pt x="421005" y="259080"/>
                  </a:lnTo>
                  <a:cubicBezTo>
                    <a:pt x="419100" y="263843"/>
                    <a:pt x="415290" y="266700"/>
                    <a:pt x="410528" y="265748"/>
                  </a:cubicBezTo>
                  <a:lnTo>
                    <a:pt x="364808" y="258127"/>
                  </a:lnTo>
                  <a:cubicBezTo>
                    <a:pt x="362903" y="258127"/>
                    <a:pt x="360045" y="258127"/>
                    <a:pt x="358140" y="258127"/>
                  </a:cubicBezTo>
                  <a:lnTo>
                    <a:pt x="319088" y="265748"/>
                  </a:lnTo>
                  <a:cubicBezTo>
                    <a:pt x="315278" y="266700"/>
                    <a:pt x="312420" y="265748"/>
                    <a:pt x="308610" y="264795"/>
                  </a:cubicBezTo>
                  <a:cubicBezTo>
                    <a:pt x="296228" y="260033"/>
                    <a:pt x="261938" y="247650"/>
                    <a:pt x="247650" y="247650"/>
                  </a:cubicBezTo>
                  <a:cubicBezTo>
                    <a:pt x="134303" y="247650"/>
                    <a:pt x="133350" y="323850"/>
                    <a:pt x="133350" y="352425"/>
                  </a:cubicBezTo>
                  <a:cubicBezTo>
                    <a:pt x="133350" y="390525"/>
                    <a:pt x="155258" y="419100"/>
                    <a:pt x="190500" y="419100"/>
                  </a:cubicBezTo>
                  <a:cubicBezTo>
                    <a:pt x="232410" y="419100"/>
                    <a:pt x="285750" y="417195"/>
                    <a:pt x="285750" y="495300"/>
                  </a:cubicBezTo>
                  <a:lnTo>
                    <a:pt x="285750" y="554355"/>
                  </a:lnTo>
                  <a:cubicBezTo>
                    <a:pt x="285750" y="565785"/>
                    <a:pt x="289560" y="576263"/>
                    <a:pt x="297180" y="584835"/>
                  </a:cubicBezTo>
                  <a:lnTo>
                    <a:pt x="324803" y="618173"/>
                  </a:lnTo>
                  <a:cubicBezTo>
                    <a:pt x="330518" y="624840"/>
                    <a:pt x="338138" y="628650"/>
                    <a:pt x="346710" y="628650"/>
                  </a:cubicBezTo>
                  <a:lnTo>
                    <a:pt x="369570" y="628650"/>
                  </a:lnTo>
                  <a:cubicBezTo>
                    <a:pt x="377190" y="628650"/>
                    <a:pt x="384810" y="625793"/>
                    <a:pt x="389573" y="620078"/>
                  </a:cubicBezTo>
                  <a:lnTo>
                    <a:pt x="412433" y="597218"/>
                  </a:lnTo>
                  <a:cubicBezTo>
                    <a:pt x="417195" y="592455"/>
                    <a:pt x="420053" y="587693"/>
                    <a:pt x="422910" y="581978"/>
                  </a:cubicBezTo>
                  <a:lnTo>
                    <a:pt x="441960" y="542925"/>
                  </a:lnTo>
                  <a:cubicBezTo>
                    <a:pt x="444818" y="536258"/>
                    <a:pt x="446723" y="528638"/>
                    <a:pt x="446723" y="521970"/>
                  </a:cubicBezTo>
                  <a:lnTo>
                    <a:pt x="446723" y="478155"/>
                  </a:lnTo>
                  <a:cubicBezTo>
                    <a:pt x="446723" y="470535"/>
                    <a:pt x="449580" y="462915"/>
                    <a:pt x="455295" y="458153"/>
                  </a:cubicBezTo>
                  <a:lnTo>
                    <a:pt x="505778" y="407670"/>
                  </a:lnTo>
                  <a:cubicBezTo>
                    <a:pt x="509588" y="403860"/>
                    <a:pt x="509588" y="396240"/>
                    <a:pt x="504825" y="393383"/>
                  </a:cubicBezTo>
                  <a:cubicBezTo>
                    <a:pt x="504825" y="393383"/>
                    <a:pt x="447675" y="360998"/>
                    <a:pt x="416243" y="300038"/>
                  </a:cubicBezTo>
                  <a:cubicBezTo>
                    <a:pt x="413385" y="293370"/>
                    <a:pt x="417195" y="285750"/>
                    <a:pt x="424815" y="285750"/>
                  </a:cubicBezTo>
                  <a:lnTo>
                    <a:pt x="428625" y="285750"/>
                  </a:lnTo>
                  <a:lnTo>
                    <a:pt x="482918" y="356235"/>
                  </a:lnTo>
                  <a:cubicBezTo>
                    <a:pt x="489585" y="364808"/>
                    <a:pt x="501968" y="365760"/>
                    <a:pt x="510540" y="359093"/>
                  </a:cubicBezTo>
                  <a:lnTo>
                    <a:pt x="541973" y="332423"/>
                  </a:lnTo>
                  <a:cubicBezTo>
                    <a:pt x="546735" y="328613"/>
                    <a:pt x="546735" y="320040"/>
                    <a:pt x="541020" y="317183"/>
                  </a:cubicBezTo>
                  <a:lnTo>
                    <a:pt x="512445" y="300038"/>
                  </a:lnTo>
                  <a:cubicBezTo>
                    <a:pt x="508635" y="297180"/>
                    <a:pt x="506730" y="292418"/>
                    <a:pt x="508635" y="287655"/>
                  </a:cubicBezTo>
                  <a:lnTo>
                    <a:pt x="509588" y="285750"/>
                  </a:lnTo>
                  <a:cubicBezTo>
                    <a:pt x="512445" y="280988"/>
                    <a:pt x="518160" y="279083"/>
                    <a:pt x="522923" y="281940"/>
                  </a:cubicBezTo>
                  <a:lnTo>
                    <a:pt x="557213" y="302895"/>
                  </a:lnTo>
                  <a:cubicBezTo>
                    <a:pt x="560070" y="304800"/>
                    <a:pt x="563880" y="305753"/>
                    <a:pt x="566738" y="305753"/>
                  </a:cubicBezTo>
                  <a:lnTo>
                    <a:pt x="577215" y="305753"/>
                  </a:lnTo>
                  <a:cubicBezTo>
                    <a:pt x="584835" y="305753"/>
                    <a:pt x="591503" y="310515"/>
                    <a:pt x="594360" y="317183"/>
                  </a:cubicBezTo>
                  <a:lnTo>
                    <a:pt x="621983" y="380048"/>
                  </a:lnTo>
                  <a:cubicBezTo>
                    <a:pt x="624840" y="386715"/>
                    <a:pt x="631508" y="391478"/>
                    <a:pt x="639128" y="391478"/>
                  </a:cubicBezTo>
                  <a:lnTo>
                    <a:pt x="639128" y="391478"/>
                  </a:lnTo>
                  <a:cubicBezTo>
                    <a:pt x="647700" y="391478"/>
                    <a:pt x="655320" y="383858"/>
                    <a:pt x="655320" y="375285"/>
                  </a:cubicBezTo>
                  <a:lnTo>
                    <a:pt x="655320" y="348615"/>
                  </a:lnTo>
                  <a:cubicBezTo>
                    <a:pt x="655320" y="345758"/>
                    <a:pt x="656273" y="342900"/>
                    <a:pt x="659130" y="340995"/>
                  </a:cubicBezTo>
                  <a:lnTo>
                    <a:pt x="681038" y="323850"/>
                  </a:lnTo>
                  <a:cubicBezTo>
                    <a:pt x="682943" y="336233"/>
                    <a:pt x="683895" y="349568"/>
                    <a:pt x="683895" y="362903"/>
                  </a:cubicBezTo>
                  <a:cubicBezTo>
                    <a:pt x="685800" y="540068"/>
                    <a:pt x="540068" y="685800"/>
                    <a:pt x="361950" y="685800"/>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2" name="Freihandform: Form 81">
              <a:extLst>
                <a:ext uri="{FF2B5EF4-FFF2-40B4-BE49-F238E27FC236}">
                  <a16:creationId xmlns:a16="http://schemas.microsoft.com/office/drawing/2014/main" id="{64D84E04-65AC-FB1E-50AC-858735C9706F}"/>
                </a:ext>
              </a:extLst>
            </p:cNvPr>
            <p:cNvSpPr/>
            <p:nvPr/>
          </p:nvSpPr>
          <p:spPr bwMode="gray">
            <a:xfrm>
              <a:off x="7180897" y="6171693"/>
              <a:ext cx="43815" cy="53340"/>
            </a:xfrm>
            <a:custGeom>
              <a:avLst/>
              <a:gdLst>
                <a:gd name="connsiteX0" fmla="*/ 15240 w 43815"/>
                <a:gd name="connsiteY0" fmla="*/ 43815 h 53340"/>
                <a:gd name="connsiteX1" fmla="*/ 15240 w 43815"/>
                <a:gd name="connsiteY1" fmla="*/ 53340 h 53340"/>
                <a:gd name="connsiteX2" fmla="*/ 24765 w 43815"/>
                <a:gd name="connsiteY2" fmla="*/ 53340 h 53340"/>
                <a:gd name="connsiteX3" fmla="*/ 34290 w 43815"/>
                <a:gd name="connsiteY3" fmla="*/ 43815 h 53340"/>
                <a:gd name="connsiteX4" fmla="*/ 34290 w 43815"/>
                <a:gd name="connsiteY4" fmla="*/ 34290 h 53340"/>
                <a:gd name="connsiteX5" fmla="*/ 43815 w 43815"/>
                <a:gd name="connsiteY5" fmla="*/ 34290 h 53340"/>
                <a:gd name="connsiteX6" fmla="*/ 43815 w 43815"/>
                <a:gd name="connsiteY6" fmla="*/ 19050 h 53340"/>
                <a:gd name="connsiteX7" fmla="*/ 40958 w 43815"/>
                <a:gd name="connsiteY7" fmla="*/ 12383 h 53340"/>
                <a:gd name="connsiteX8" fmla="*/ 31433 w 43815"/>
                <a:gd name="connsiteY8" fmla="*/ 2858 h 53340"/>
                <a:gd name="connsiteX9" fmla="*/ 18097 w 43815"/>
                <a:gd name="connsiteY9" fmla="*/ 2858 h 53340"/>
                <a:gd name="connsiteX10" fmla="*/ 2858 w 43815"/>
                <a:gd name="connsiteY10" fmla="*/ 18097 h 53340"/>
                <a:gd name="connsiteX11" fmla="*/ 2858 w 43815"/>
                <a:gd name="connsiteY11" fmla="*/ 31433 h 53340"/>
                <a:gd name="connsiteX12" fmla="*/ 15240 w 43815"/>
                <a:gd name="connsiteY12" fmla="*/ 43815 h 53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3815" h="53340">
                  <a:moveTo>
                    <a:pt x="15240" y="43815"/>
                  </a:moveTo>
                  <a:lnTo>
                    <a:pt x="15240" y="53340"/>
                  </a:lnTo>
                  <a:lnTo>
                    <a:pt x="24765" y="53340"/>
                  </a:lnTo>
                  <a:cubicBezTo>
                    <a:pt x="30480" y="53340"/>
                    <a:pt x="34290" y="49530"/>
                    <a:pt x="34290" y="43815"/>
                  </a:cubicBezTo>
                  <a:lnTo>
                    <a:pt x="34290" y="34290"/>
                  </a:lnTo>
                  <a:lnTo>
                    <a:pt x="43815" y="34290"/>
                  </a:lnTo>
                  <a:lnTo>
                    <a:pt x="43815" y="19050"/>
                  </a:lnTo>
                  <a:cubicBezTo>
                    <a:pt x="43815" y="16193"/>
                    <a:pt x="42863" y="14288"/>
                    <a:pt x="40958" y="12383"/>
                  </a:cubicBezTo>
                  <a:lnTo>
                    <a:pt x="31433" y="2858"/>
                  </a:lnTo>
                  <a:cubicBezTo>
                    <a:pt x="27622" y="-953"/>
                    <a:pt x="21908" y="-953"/>
                    <a:pt x="18097" y="2858"/>
                  </a:cubicBezTo>
                  <a:lnTo>
                    <a:pt x="2858" y="18097"/>
                  </a:lnTo>
                  <a:cubicBezTo>
                    <a:pt x="-953" y="21908"/>
                    <a:pt x="-953" y="27622"/>
                    <a:pt x="2858" y="31433"/>
                  </a:cubicBezTo>
                  <a:lnTo>
                    <a:pt x="15240" y="43815"/>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grpSp>
      <p:grpSp>
        <p:nvGrpSpPr>
          <p:cNvPr id="83" name="Gruppieren 82">
            <a:extLst>
              <a:ext uri="{FF2B5EF4-FFF2-40B4-BE49-F238E27FC236}">
                <a16:creationId xmlns:a16="http://schemas.microsoft.com/office/drawing/2014/main" id="{BCED1CF6-87D0-ED71-F440-CC0FF2C287E2}"/>
              </a:ext>
            </a:extLst>
          </p:cNvPr>
          <p:cNvGrpSpPr>
            <a:grpSpLocks noChangeAspect="1"/>
          </p:cNvGrpSpPr>
          <p:nvPr/>
        </p:nvGrpSpPr>
        <p:grpSpPr bwMode="gray">
          <a:xfrm>
            <a:off x="10578133" y="549275"/>
            <a:ext cx="540630" cy="324000"/>
            <a:chOff x="8732102" y="6085869"/>
            <a:chExt cx="826770" cy="495484"/>
          </a:xfrm>
          <a:solidFill>
            <a:schemeClr val="bg1"/>
          </a:solidFill>
        </p:grpSpPr>
        <p:sp>
          <p:nvSpPr>
            <p:cNvPr id="84" name="Freihandform: Form 83">
              <a:extLst>
                <a:ext uri="{FF2B5EF4-FFF2-40B4-BE49-F238E27FC236}">
                  <a16:creationId xmlns:a16="http://schemas.microsoft.com/office/drawing/2014/main" id="{EE5D783E-A5E4-B373-4A5F-78804715D1BD}"/>
                </a:ext>
              </a:extLst>
            </p:cNvPr>
            <p:cNvSpPr/>
            <p:nvPr/>
          </p:nvSpPr>
          <p:spPr bwMode="gray">
            <a:xfrm>
              <a:off x="9095309" y="6486223"/>
              <a:ext cx="74640" cy="80658"/>
            </a:xfrm>
            <a:custGeom>
              <a:avLst/>
              <a:gdLst>
                <a:gd name="connsiteX0" fmla="*/ 20651 w 74640"/>
                <a:gd name="connsiteY0" fmla="*/ 80659 h 80658"/>
                <a:gd name="connsiteX1" fmla="*/ 6364 w 74640"/>
                <a:gd name="connsiteY1" fmla="*/ 75896 h 80658"/>
                <a:gd name="connsiteX2" fmla="*/ 4459 w 74640"/>
                <a:gd name="connsiteY2" fmla="*/ 49226 h 80658"/>
                <a:gd name="connsiteX3" fmla="*/ 41606 w 74640"/>
                <a:gd name="connsiteY3" fmla="*/ 6364 h 80658"/>
                <a:gd name="connsiteX4" fmla="*/ 68276 w 74640"/>
                <a:gd name="connsiteY4" fmla="*/ 4459 h 80658"/>
                <a:gd name="connsiteX5" fmla="*/ 70181 w 74640"/>
                <a:gd name="connsiteY5" fmla="*/ 31129 h 80658"/>
                <a:gd name="connsiteX6" fmla="*/ 33034 w 74640"/>
                <a:gd name="connsiteY6" fmla="*/ 73991 h 80658"/>
                <a:gd name="connsiteX7" fmla="*/ 20651 w 74640"/>
                <a:gd name="connsiteY7" fmla="*/ 80659 h 80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4640" h="80658">
                  <a:moveTo>
                    <a:pt x="20651" y="80659"/>
                  </a:moveTo>
                  <a:cubicBezTo>
                    <a:pt x="15889" y="80659"/>
                    <a:pt x="10174" y="79706"/>
                    <a:pt x="6364" y="75896"/>
                  </a:cubicBezTo>
                  <a:cubicBezTo>
                    <a:pt x="-1256" y="69229"/>
                    <a:pt x="-2209" y="56846"/>
                    <a:pt x="4459" y="49226"/>
                  </a:cubicBezTo>
                  <a:lnTo>
                    <a:pt x="41606" y="6364"/>
                  </a:lnTo>
                  <a:cubicBezTo>
                    <a:pt x="48274" y="-1256"/>
                    <a:pt x="60656" y="-2209"/>
                    <a:pt x="68276" y="4459"/>
                  </a:cubicBezTo>
                  <a:cubicBezTo>
                    <a:pt x="75896" y="11126"/>
                    <a:pt x="76849" y="23509"/>
                    <a:pt x="70181" y="31129"/>
                  </a:cubicBezTo>
                  <a:lnTo>
                    <a:pt x="33034" y="73991"/>
                  </a:lnTo>
                  <a:cubicBezTo>
                    <a:pt x="30176" y="77801"/>
                    <a:pt x="25414" y="79706"/>
                    <a:pt x="20651" y="80659"/>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5" name="Freihandform: Form 84">
              <a:extLst>
                <a:ext uri="{FF2B5EF4-FFF2-40B4-BE49-F238E27FC236}">
                  <a16:creationId xmlns:a16="http://schemas.microsoft.com/office/drawing/2014/main" id="{F450B5AA-E9CC-9D41-DC1B-5CAD72639D5B}"/>
                </a:ext>
              </a:extLst>
            </p:cNvPr>
            <p:cNvSpPr/>
            <p:nvPr/>
          </p:nvSpPr>
          <p:spPr bwMode="gray">
            <a:xfrm>
              <a:off x="9031979" y="6447658"/>
              <a:ext cx="90810" cy="97554"/>
            </a:xfrm>
            <a:custGeom>
              <a:avLst/>
              <a:gdLst>
                <a:gd name="connsiteX0" fmla="*/ 25879 w 90810"/>
                <a:gd name="connsiteY0" fmla="*/ 97316 h 97554"/>
                <a:gd name="connsiteX1" fmla="*/ 7781 w 90810"/>
                <a:gd name="connsiteY1" fmla="*/ 91601 h 97554"/>
                <a:gd name="connsiteX2" fmla="*/ 5876 w 90810"/>
                <a:gd name="connsiteY2" fmla="*/ 58264 h 97554"/>
                <a:gd name="connsiteX3" fmla="*/ 49691 w 90810"/>
                <a:gd name="connsiteY3" fmla="*/ 7781 h 97554"/>
                <a:gd name="connsiteX4" fmla="*/ 83029 w 90810"/>
                <a:gd name="connsiteY4" fmla="*/ 5876 h 97554"/>
                <a:gd name="connsiteX5" fmla="*/ 84934 w 90810"/>
                <a:gd name="connsiteY5" fmla="*/ 39214 h 97554"/>
                <a:gd name="connsiteX6" fmla="*/ 41119 w 90810"/>
                <a:gd name="connsiteY6" fmla="*/ 89696 h 97554"/>
                <a:gd name="connsiteX7" fmla="*/ 25879 w 90810"/>
                <a:gd name="connsiteY7" fmla="*/ 97316 h 975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0810" h="97554">
                  <a:moveTo>
                    <a:pt x="25879" y="97316"/>
                  </a:moveTo>
                  <a:cubicBezTo>
                    <a:pt x="19211" y="98269"/>
                    <a:pt x="13496" y="96364"/>
                    <a:pt x="7781" y="91601"/>
                  </a:cubicBezTo>
                  <a:cubicBezTo>
                    <a:pt x="-1744" y="83029"/>
                    <a:pt x="-2696" y="67789"/>
                    <a:pt x="5876" y="58264"/>
                  </a:cubicBezTo>
                  <a:lnTo>
                    <a:pt x="49691" y="7781"/>
                  </a:lnTo>
                  <a:cubicBezTo>
                    <a:pt x="58264" y="-1744"/>
                    <a:pt x="73504" y="-2696"/>
                    <a:pt x="83029" y="5876"/>
                  </a:cubicBezTo>
                  <a:cubicBezTo>
                    <a:pt x="92554" y="14449"/>
                    <a:pt x="93506" y="29689"/>
                    <a:pt x="84934" y="39214"/>
                  </a:cubicBezTo>
                  <a:lnTo>
                    <a:pt x="41119" y="89696"/>
                  </a:lnTo>
                  <a:cubicBezTo>
                    <a:pt x="37309" y="94459"/>
                    <a:pt x="31594" y="97316"/>
                    <a:pt x="25879" y="97316"/>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6" name="Freihandform: Form 85">
              <a:extLst>
                <a:ext uri="{FF2B5EF4-FFF2-40B4-BE49-F238E27FC236}">
                  <a16:creationId xmlns:a16="http://schemas.microsoft.com/office/drawing/2014/main" id="{3F0BAEBA-321E-C774-995B-05EB5C9D0751}"/>
                </a:ext>
              </a:extLst>
            </p:cNvPr>
            <p:cNvSpPr/>
            <p:nvPr/>
          </p:nvSpPr>
          <p:spPr bwMode="gray">
            <a:xfrm>
              <a:off x="8967154" y="6402836"/>
              <a:ext cx="100443" cy="107078"/>
            </a:xfrm>
            <a:custGeom>
              <a:avLst/>
              <a:gdLst>
                <a:gd name="connsiteX0" fmla="*/ 30696 w 100443"/>
                <a:gd name="connsiteY0" fmla="*/ 106896 h 107078"/>
                <a:gd name="connsiteX1" fmla="*/ 9741 w 100443"/>
                <a:gd name="connsiteY1" fmla="*/ 100228 h 107078"/>
                <a:gd name="connsiteX2" fmla="*/ 6883 w 100443"/>
                <a:gd name="connsiteY2" fmla="*/ 60223 h 107078"/>
                <a:gd name="connsiteX3" fmla="*/ 50698 w 100443"/>
                <a:gd name="connsiteY3" fmla="*/ 9741 h 107078"/>
                <a:gd name="connsiteX4" fmla="*/ 90703 w 100443"/>
                <a:gd name="connsiteY4" fmla="*/ 6883 h 107078"/>
                <a:gd name="connsiteX5" fmla="*/ 93561 w 100443"/>
                <a:gd name="connsiteY5" fmla="*/ 46888 h 107078"/>
                <a:gd name="connsiteX6" fmla="*/ 49746 w 100443"/>
                <a:gd name="connsiteY6" fmla="*/ 97371 h 107078"/>
                <a:gd name="connsiteX7" fmla="*/ 30696 w 100443"/>
                <a:gd name="connsiteY7" fmla="*/ 106896 h 1070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0443" h="107078">
                  <a:moveTo>
                    <a:pt x="30696" y="106896"/>
                  </a:moveTo>
                  <a:cubicBezTo>
                    <a:pt x="23076" y="107848"/>
                    <a:pt x="15456" y="104991"/>
                    <a:pt x="9741" y="100228"/>
                  </a:cubicBezTo>
                  <a:cubicBezTo>
                    <a:pt x="-1689" y="89751"/>
                    <a:pt x="-3594" y="71653"/>
                    <a:pt x="6883" y="60223"/>
                  </a:cubicBezTo>
                  <a:lnTo>
                    <a:pt x="50698" y="9741"/>
                  </a:lnTo>
                  <a:cubicBezTo>
                    <a:pt x="61176" y="-1689"/>
                    <a:pt x="79273" y="-3594"/>
                    <a:pt x="90703" y="6883"/>
                  </a:cubicBezTo>
                  <a:cubicBezTo>
                    <a:pt x="102133" y="17361"/>
                    <a:pt x="104038" y="35458"/>
                    <a:pt x="93561" y="46888"/>
                  </a:cubicBezTo>
                  <a:lnTo>
                    <a:pt x="49746" y="97371"/>
                  </a:lnTo>
                  <a:cubicBezTo>
                    <a:pt x="44983" y="103086"/>
                    <a:pt x="37363" y="106896"/>
                    <a:pt x="30696" y="106896"/>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7" name="Freihandform: Form 86">
              <a:extLst>
                <a:ext uri="{FF2B5EF4-FFF2-40B4-BE49-F238E27FC236}">
                  <a16:creationId xmlns:a16="http://schemas.microsoft.com/office/drawing/2014/main" id="{12A3E9DA-A802-5AD3-E551-AA6FF3FC4ECE}"/>
                </a:ext>
              </a:extLst>
            </p:cNvPr>
            <p:cNvSpPr/>
            <p:nvPr/>
          </p:nvSpPr>
          <p:spPr bwMode="gray">
            <a:xfrm>
              <a:off x="8897622" y="6360926"/>
              <a:ext cx="107111" cy="113745"/>
            </a:xfrm>
            <a:custGeom>
              <a:avLst/>
              <a:gdLst>
                <a:gd name="connsiteX0" fmla="*/ 30696 w 107111"/>
                <a:gd name="connsiteY0" fmla="*/ 113563 h 113745"/>
                <a:gd name="connsiteX1" fmla="*/ 9741 w 107111"/>
                <a:gd name="connsiteY1" fmla="*/ 106896 h 113745"/>
                <a:gd name="connsiteX2" fmla="*/ 6883 w 107111"/>
                <a:gd name="connsiteY2" fmla="*/ 66891 h 113745"/>
                <a:gd name="connsiteX3" fmla="*/ 57366 w 107111"/>
                <a:gd name="connsiteY3" fmla="*/ 9741 h 113745"/>
                <a:gd name="connsiteX4" fmla="*/ 97371 w 107111"/>
                <a:gd name="connsiteY4" fmla="*/ 6883 h 113745"/>
                <a:gd name="connsiteX5" fmla="*/ 100228 w 107111"/>
                <a:gd name="connsiteY5" fmla="*/ 46888 h 113745"/>
                <a:gd name="connsiteX6" fmla="*/ 49746 w 107111"/>
                <a:gd name="connsiteY6" fmla="*/ 104038 h 113745"/>
                <a:gd name="connsiteX7" fmla="*/ 30696 w 107111"/>
                <a:gd name="connsiteY7" fmla="*/ 113563 h 113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111" h="113745">
                  <a:moveTo>
                    <a:pt x="30696" y="113563"/>
                  </a:moveTo>
                  <a:cubicBezTo>
                    <a:pt x="23076" y="114516"/>
                    <a:pt x="15456" y="111658"/>
                    <a:pt x="9741" y="106896"/>
                  </a:cubicBezTo>
                  <a:cubicBezTo>
                    <a:pt x="-1689" y="96418"/>
                    <a:pt x="-3594" y="78321"/>
                    <a:pt x="6883" y="66891"/>
                  </a:cubicBezTo>
                  <a:lnTo>
                    <a:pt x="57366" y="9741"/>
                  </a:lnTo>
                  <a:cubicBezTo>
                    <a:pt x="67843" y="-1689"/>
                    <a:pt x="85941" y="-3594"/>
                    <a:pt x="97371" y="6883"/>
                  </a:cubicBezTo>
                  <a:cubicBezTo>
                    <a:pt x="108801" y="17361"/>
                    <a:pt x="110706" y="35458"/>
                    <a:pt x="100228" y="46888"/>
                  </a:cubicBezTo>
                  <a:lnTo>
                    <a:pt x="49746" y="104038"/>
                  </a:lnTo>
                  <a:cubicBezTo>
                    <a:pt x="44031" y="109753"/>
                    <a:pt x="37363" y="112611"/>
                    <a:pt x="30696" y="113563"/>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8" name="Freihandform: Form 87">
              <a:extLst>
                <a:ext uri="{FF2B5EF4-FFF2-40B4-BE49-F238E27FC236}">
                  <a16:creationId xmlns:a16="http://schemas.microsoft.com/office/drawing/2014/main" id="{5E36E7A7-1B4E-1A5F-56DC-5BF0691E3C38}"/>
                </a:ext>
              </a:extLst>
            </p:cNvPr>
            <p:cNvSpPr/>
            <p:nvPr/>
          </p:nvSpPr>
          <p:spPr bwMode="gray">
            <a:xfrm>
              <a:off x="8732102" y="6085869"/>
              <a:ext cx="190574" cy="226769"/>
            </a:xfrm>
            <a:custGeom>
              <a:avLst/>
              <a:gdLst>
                <a:gd name="connsiteX0" fmla="*/ 0 w 190574"/>
                <a:gd name="connsiteY0" fmla="*/ 179070 h 226769"/>
                <a:gd name="connsiteX1" fmla="*/ 73343 w 190574"/>
                <a:gd name="connsiteY1" fmla="*/ 223838 h 226769"/>
                <a:gd name="connsiteX2" fmla="*/ 99060 w 190574"/>
                <a:gd name="connsiteY2" fmla="*/ 217170 h 226769"/>
                <a:gd name="connsiteX3" fmla="*/ 187643 w 190574"/>
                <a:gd name="connsiteY3" fmla="*/ 70485 h 226769"/>
                <a:gd name="connsiteX4" fmla="*/ 180975 w 190574"/>
                <a:gd name="connsiteY4" fmla="*/ 44768 h 226769"/>
                <a:gd name="connsiteX5" fmla="*/ 108585 w 190574"/>
                <a:gd name="connsiteY5" fmla="*/ 0 h 226769"/>
                <a:gd name="connsiteX6" fmla="*/ 0 w 190574"/>
                <a:gd name="connsiteY6" fmla="*/ 179070 h 226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0574" h="226769">
                  <a:moveTo>
                    <a:pt x="0" y="179070"/>
                  </a:moveTo>
                  <a:lnTo>
                    <a:pt x="73343" y="223838"/>
                  </a:lnTo>
                  <a:cubicBezTo>
                    <a:pt x="81915" y="229553"/>
                    <a:pt x="94298" y="226695"/>
                    <a:pt x="99060" y="217170"/>
                  </a:cubicBezTo>
                  <a:lnTo>
                    <a:pt x="187643" y="70485"/>
                  </a:lnTo>
                  <a:cubicBezTo>
                    <a:pt x="193358" y="61913"/>
                    <a:pt x="190500" y="49530"/>
                    <a:pt x="180975" y="44768"/>
                  </a:cubicBezTo>
                  <a:lnTo>
                    <a:pt x="108585" y="0"/>
                  </a:lnTo>
                  <a:lnTo>
                    <a:pt x="0" y="179070"/>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89" name="Freihandform: Form 88">
              <a:extLst>
                <a:ext uri="{FF2B5EF4-FFF2-40B4-BE49-F238E27FC236}">
                  <a16:creationId xmlns:a16="http://schemas.microsoft.com/office/drawing/2014/main" id="{ABDB4157-5387-31F4-6A28-B6BE35887A0A}"/>
                </a:ext>
              </a:extLst>
            </p:cNvPr>
            <p:cNvSpPr/>
            <p:nvPr/>
          </p:nvSpPr>
          <p:spPr bwMode="gray">
            <a:xfrm>
              <a:off x="8849260" y="6171594"/>
              <a:ext cx="510700" cy="409759"/>
            </a:xfrm>
            <a:custGeom>
              <a:avLst/>
              <a:gdLst>
                <a:gd name="connsiteX0" fmla="*/ 500063 w 510700"/>
                <a:gd name="connsiteY0" fmla="*/ 218123 h 409759"/>
                <a:gd name="connsiteX1" fmla="*/ 346710 w 510700"/>
                <a:gd name="connsiteY1" fmla="*/ 86678 h 409759"/>
                <a:gd name="connsiteX2" fmla="*/ 336233 w 510700"/>
                <a:gd name="connsiteY2" fmla="*/ 77153 h 409759"/>
                <a:gd name="connsiteX3" fmla="*/ 270510 w 510700"/>
                <a:gd name="connsiteY3" fmla="*/ 152400 h 409759"/>
                <a:gd name="connsiteX4" fmla="*/ 232410 w 510700"/>
                <a:gd name="connsiteY4" fmla="*/ 171450 h 409759"/>
                <a:gd name="connsiteX5" fmla="*/ 227648 w 510700"/>
                <a:gd name="connsiteY5" fmla="*/ 171450 h 409759"/>
                <a:gd name="connsiteX6" fmla="*/ 190500 w 510700"/>
                <a:gd name="connsiteY6" fmla="*/ 157163 h 409759"/>
                <a:gd name="connsiteX7" fmla="*/ 184785 w 510700"/>
                <a:gd name="connsiteY7" fmla="*/ 76200 h 409759"/>
                <a:gd name="connsiteX8" fmla="*/ 240983 w 510700"/>
                <a:gd name="connsiteY8" fmla="*/ 11430 h 409759"/>
                <a:gd name="connsiteX9" fmla="*/ 82868 w 510700"/>
                <a:gd name="connsiteY9" fmla="*/ 0 h 409759"/>
                <a:gd name="connsiteX10" fmla="*/ 0 w 510700"/>
                <a:gd name="connsiteY10" fmla="*/ 137160 h 409759"/>
                <a:gd name="connsiteX11" fmla="*/ 64770 w 510700"/>
                <a:gd name="connsiteY11" fmla="*/ 212408 h 409759"/>
                <a:gd name="connsiteX12" fmla="*/ 89535 w 510700"/>
                <a:gd name="connsiteY12" fmla="*/ 183833 h 409759"/>
                <a:gd name="connsiteX13" fmla="*/ 125730 w 510700"/>
                <a:gd name="connsiteY13" fmla="*/ 167640 h 409759"/>
                <a:gd name="connsiteX14" fmla="*/ 125730 w 510700"/>
                <a:gd name="connsiteY14" fmla="*/ 167640 h 409759"/>
                <a:gd name="connsiteX15" fmla="*/ 157163 w 510700"/>
                <a:gd name="connsiteY15" fmla="*/ 179070 h 409759"/>
                <a:gd name="connsiteX16" fmla="*/ 173355 w 510700"/>
                <a:gd name="connsiteY16" fmla="*/ 213360 h 409759"/>
                <a:gd name="connsiteX17" fmla="*/ 189548 w 510700"/>
                <a:gd name="connsiteY17" fmla="*/ 210503 h 409759"/>
                <a:gd name="connsiteX18" fmla="*/ 220980 w 510700"/>
                <a:gd name="connsiteY18" fmla="*/ 221933 h 409759"/>
                <a:gd name="connsiteX19" fmla="*/ 237173 w 510700"/>
                <a:gd name="connsiteY19" fmla="*/ 257175 h 409759"/>
                <a:gd name="connsiteX20" fmla="*/ 249555 w 510700"/>
                <a:gd name="connsiteY20" fmla="*/ 255270 h 409759"/>
                <a:gd name="connsiteX21" fmla="*/ 249555 w 510700"/>
                <a:gd name="connsiteY21" fmla="*/ 255270 h 409759"/>
                <a:gd name="connsiteX22" fmla="*/ 278130 w 510700"/>
                <a:gd name="connsiteY22" fmla="*/ 265748 h 409759"/>
                <a:gd name="connsiteX23" fmla="*/ 292418 w 510700"/>
                <a:gd name="connsiteY23" fmla="*/ 295275 h 409759"/>
                <a:gd name="connsiteX24" fmla="*/ 302895 w 510700"/>
                <a:gd name="connsiteY24" fmla="*/ 293370 h 409759"/>
                <a:gd name="connsiteX25" fmla="*/ 302895 w 510700"/>
                <a:gd name="connsiteY25" fmla="*/ 293370 h 409759"/>
                <a:gd name="connsiteX26" fmla="*/ 327660 w 510700"/>
                <a:gd name="connsiteY26" fmla="*/ 302895 h 409759"/>
                <a:gd name="connsiteX27" fmla="*/ 340995 w 510700"/>
                <a:gd name="connsiteY27" fmla="*/ 328613 h 409759"/>
                <a:gd name="connsiteX28" fmla="*/ 331470 w 510700"/>
                <a:gd name="connsiteY28" fmla="*/ 356235 h 409759"/>
                <a:gd name="connsiteX29" fmla="*/ 299085 w 510700"/>
                <a:gd name="connsiteY29" fmla="*/ 393382 h 409759"/>
                <a:gd name="connsiteX30" fmla="*/ 312420 w 510700"/>
                <a:gd name="connsiteY30" fmla="*/ 403860 h 409759"/>
                <a:gd name="connsiteX31" fmla="*/ 335280 w 510700"/>
                <a:gd name="connsiteY31" fmla="*/ 409575 h 409759"/>
                <a:gd name="connsiteX32" fmla="*/ 369570 w 510700"/>
                <a:gd name="connsiteY32" fmla="*/ 368618 h 409759"/>
                <a:gd name="connsiteX33" fmla="*/ 369570 w 510700"/>
                <a:gd name="connsiteY33" fmla="*/ 367665 h 409759"/>
                <a:gd name="connsiteX34" fmla="*/ 379095 w 510700"/>
                <a:gd name="connsiteY34" fmla="*/ 368618 h 409759"/>
                <a:gd name="connsiteX35" fmla="*/ 413385 w 510700"/>
                <a:gd name="connsiteY35" fmla="*/ 327660 h 409759"/>
                <a:gd name="connsiteX36" fmla="*/ 413385 w 510700"/>
                <a:gd name="connsiteY36" fmla="*/ 326707 h 409759"/>
                <a:gd name="connsiteX37" fmla="*/ 422910 w 510700"/>
                <a:gd name="connsiteY37" fmla="*/ 327660 h 409759"/>
                <a:gd name="connsiteX38" fmla="*/ 457200 w 510700"/>
                <a:gd name="connsiteY38" fmla="*/ 286703 h 409759"/>
                <a:gd name="connsiteX39" fmla="*/ 456248 w 510700"/>
                <a:gd name="connsiteY39" fmla="*/ 280988 h 409759"/>
                <a:gd name="connsiteX40" fmla="*/ 476250 w 510700"/>
                <a:gd name="connsiteY40" fmla="*/ 284798 h 409759"/>
                <a:gd name="connsiteX41" fmla="*/ 510540 w 510700"/>
                <a:gd name="connsiteY41" fmla="*/ 243840 h 409759"/>
                <a:gd name="connsiteX42" fmla="*/ 500063 w 510700"/>
                <a:gd name="connsiteY42" fmla="*/ 218123 h 4097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510700" h="409759">
                  <a:moveTo>
                    <a:pt x="500063" y="218123"/>
                  </a:moveTo>
                  <a:lnTo>
                    <a:pt x="346710" y="86678"/>
                  </a:lnTo>
                  <a:lnTo>
                    <a:pt x="336233" y="77153"/>
                  </a:lnTo>
                  <a:lnTo>
                    <a:pt x="270510" y="152400"/>
                  </a:lnTo>
                  <a:cubicBezTo>
                    <a:pt x="260985" y="163830"/>
                    <a:pt x="247650" y="170498"/>
                    <a:pt x="232410" y="171450"/>
                  </a:cubicBezTo>
                  <a:cubicBezTo>
                    <a:pt x="230505" y="171450"/>
                    <a:pt x="228600" y="171450"/>
                    <a:pt x="227648" y="171450"/>
                  </a:cubicBezTo>
                  <a:cubicBezTo>
                    <a:pt x="213360" y="171450"/>
                    <a:pt x="200025" y="166688"/>
                    <a:pt x="190500" y="157163"/>
                  </a:cubicBezTo>
                  <a:cubicBezTo>
                    <a:pt x="166688" y="136208"/>
                    <a:pt x="164783" y="100013"/>
                    <a:pt x="184785" y="76200"/>
                  </a:cubicBezTo>
                  <a:lnTo>
                    <a:pt x="240983" y="11430"/>
                  </a:lnTo>
                  <a:cubicBezTo>
                    <a:pt x="197167" y="5715"/>
                    <a:pt x="140970" y="28575"/>
                    <a:pt x="82868" y="0"/>
                  </a:cubicBezTo>
                  <a:lnTo>
                    <a:pt x="0" y="137160"/>
                  </a:lnTo>
                  <a:lnTo>
                    <a:pt x="64770" y="212408"/>
                  </a:lnTo>
                  <a:lnTo>
                    <a:pt x="89535" y="183833"/>
                  </a:lnTo>
                  <a:cubicBezTo>
                    <a:pt x="98108" y="173355"/>
                    <a:pt x="111443" y="167640"/>
                    <a:pt x="125730" y="167640"/>
                  </a:cubicBezTo>
                  <a:lnTo>
                    <a:pt x="125730" y="167640"/>
                  </a:lnTo>
                  <a:cubicBezTo>
                    <a:pt x="137160" y="167640"/>
                    <a:pt x="148590" y="171450"/>
                    <a:pt x="157163" y="179070"/>
                  </a:cubicBezTo>
                  <a:cubicBezTo>
                    <a:pt x="167640" y="187642"/>
                    <a:pt x="172403" y="200025"/>
                    <a:pt x="173355" y="213360"/>
                  </a:cubicBezTo>
                  <a:cubicBezTo>
                    <a:pt x="178117" y="211455"/>
                    <a:pt x="183833" y="210503"/>
                    <a:pt x="189548" y="210503"/>
                  </a:cubicBezTo>
                  <a:cubicBezTo>
                    <a:pt x="200978" y="210503"/>
                    <a:pt x="212408" y="214313"/>
                    <a:pt x="220980" y="221933"/>
                  </a:cubicBezTo>
                  <a:cubicBezTo>
                    <a:pt x="231458" y="231458"/>
                    <a:pt x="237173" y="243840"/>
                    <a:pt x="237173" y="257175"/>
                  </a:cubicBezTo>
                  <a:cubicBezTo>
                    <a:pt x="240983" y="256223"/>
                    <a:pt x="245745" y="255270"/>
                    <a:pt x="249555" y="255270"/>
                  </a:cubicBezTo>
                  <a:lnTo>
                    <a:pt x="249555" y="255270"/>
                  </a:lnTo>
                  <a:cubicBezTo>
                    <a:pt x="260033" y="255270"/>
                    <a:pt x="269558" y="259080"/>
                    <a:pt x="278130" y="265748"/>
                  </a:cubicBezTo>
                  <a:cubicBezTo>
                    <a:pt x="286703" y="273368"/>
                    <a:pt x="291465" y="283845"/>
                    <a:pt x="292418" y="295275"/>
                  </a:cubicBezTo>
                  <a:cubicBezTo>
                    <a:pt x="295275" y="294323"/>
                    <a:pt x="299085" y="293370"/>
                    <a:pt x="302895" y="293370"/>
                  </a:cubicBezTo>
                  <a:lnTo>
                    <a:pt x="302895" y="293370"/>
                  </a:lnTo>
                  <a:cubicBezTo>
                    <a:pt x="312420" y="293370"/>
                    <a:pt x="320993" y="296228"/>
                    <a:pt x="327660" y="302895"/>
                  </a:cubicBezTo>
                  <a:cubicBezTo>
                    <a:pt x="335280" y="309563"/>
                    <a:pt x="340043" y="319088"/>
                    <a:pt x="340995" y="328613"/>
                  </a:cubicBezTo>
                  <a:cubicBezTo>
                    <a:pt x="341948" y="339090"/>
                    <a:pt x="338138" y="348615"/>
                    <a:pt x="331470" y="356235"/>
                  </a:cubicBezTo>
                  <a:lnTo>
                    <a:pt x="299085" y="393382"/>
                  </a:lnTo>
                  <a:lnTo>
                    <a:pt x="312420" y="403860"/>
                  </a:lnTo>
                  <a:cubicBezTo>
                    <a:pt x="319088" y="407670"/>
                    <a:pt x="326708" y="410528"/>
                    <a:pt x="335280" y="409575"/>
                  </a:cubicBezTo>
                  <a:cubicBezTo>
                    <a:pt x="356235" y="407670"/>
                    <a:pt x="371475" y="389573"/>
                    <a:pt x="369570" y="368618"/>
                  </a:cubicBezTo>
                  <a:cubicBezTo>
                    <a:pt x="369570" y="368618"/>
                    <a:pt x="369570" y="367665"/>
                    <a:pt x="369570" y="367665"/>
                  </a:cubicBezTo>
                  <a:cubicBezTo>
                    <a:pt x="372428" y="368618"/>
                    <a:pt x="376238" y="368618"/>
                    <a:pt x="379095" y="368618"/>
                  </a:cubicBezTo>
                  <a:cubicBezTo>
                    <a:pt x="400050" y="366713"/>
                    <a:pt x="415290" y="348615"/>
                    <a:pt x="413385" y="327660"/>
                  </a:cubicBezTo>
                  <a:cubicBezTo>
                    <a:pt x="413385" y="327660"/>
                    <a:pt x="413385" y="326707"/>
                    <a:pt x="413385" y="326707"/>
                  </a:cubicBezTo>
                  <a:cubicBezTo>
                    <a:pt x="416243" y="327660"/>
                    <a:pt x="420053" y="327660"/>
                    <a:pt x="422910" y="327660"/>
                  </a:cubicBezTo>
                  <a:cubicBezTo>
                    <a:pt x="443865" y="325755"/>
                    <a:pt x="459105" y="307658"/>
                    <a:pt x="457200" y="286703"/>
                  </a:cubicBezTo>
                  <a:cubicBezTo>
                    <a:pt x="457200" y="284798"/>
                    <a:pt x="456248" y="282893"/>
                    <a:pt x="456248" y="280988"/>
                  </a:cubicBezTo>
                  <a:cubicBezTo>
                    <a:pt x="461963" y="283845"/>
                    <a:pt x="468630" y="285750"/>
                    <a:pt x="476250" y="284798"/>
                  </a:cubicBezTo>
                  <a:cubicBezTo>
                    <a:pt x="497205" y="282893"/>
                    <a:pt x="512445" y="264795"/>
                    <a:pt x="510540" y="243840"/>
                  </a:cubicBezTo>
                  <a:cubicBezTo>
                    <a:pt x="511493" y="233363"/>
                    <a:pt x="506730" y="224790"/>
                    <a:pt x="500063" y="218123"/>
                  </a:cubicBez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90" name="Freihandform: Form 89">
              <a:extLst>
                <a:ext uri="{FF2B5EF4-FFF2-40B4-BE49-F238E27FC236}">
                  <a16:creationId xmlns:a16="http://schemas.microsoft.com/office/drawing/2014/main" id="{B658DEEC-C40A-6293-58D1-C2AB59A72E92}"/>
                </a:ext>
              </a:extLst>
            </p:cNvPr>
            <p:cNvSpPr/>
            <p:nvPr/>
          </p:nvSpPr>
          <p:spPr bwMode="gray">
            <a:xfrm>
              <a:off x="9368298" y="6085869"/>
              <a:ext cx="190574" cy="226769"/>
            </a:xfrm>
            <a:custGeom>
              <a:avLst/>
              <a:gdLst>
                <a:gd name="connsiteX0" fmla="*/ 190575 w 190574"/>
                <a:gd name="connsiteY0" fmla="*/ 179070 h 226769"/>
                <a:gd name="connsiteX1" fmla="*/ 117232 w 190574"/>
                <a:gd name="connsiteY1" fmla="*/ 223838 h 226769"/>
                <a:gd name="connsiteX2" fmla="*/ 91515 w 190574"/>
                <a:gd name="connsiteY2" fmla="*/ 217170 h 226769"/>
                <a:gd name="connsiteX3" fmla="*/ 2932 w 190574"/>
                <a:gd name="connsiteY3" fmla="*/ 70485 h 226769"/>
                <a:gd name="connsiteX4" fmla="*/ 9600 w 190574"/>
                <a:gd name="connsiteY4" fmla="*/ 44768 h 226769"/>
                <a:gd name="connsiteX5" fmla="*/ 82942 w 190574"/>
                <a:gd name="connsiteY5" fmla="*/ 0 h 226769"/>
                <a:gd name="connsiteX6" fmla="*/ 190575 w 190574"/>
                <a:gd name="connsiteY6" fmla="*/ 179070 h 2267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0574" h="226769">
                  <a:moveTo>
                    <a:pt x="190575" y="179070"/>
                  </a:moveTo>
                  <a:lnTo>
                    <a:pt x="117232" y="223838"/>
                  </a:lnTo>
                  <a:cubicBezTo>
                    <a:pt x="108660" y="229553"/>
                    <a:pt x="96277" y="226695"/>
                    <a:pt x="91515" y="217170"/>
                  </a:cubicBezTo>
                  <a:lnTo>
                    <a:pt x="2932" y="70485"/>
                  </a:lnTo>
                  <a:cubicBezTo>
                    <a:pt x="-2783" y="61913"/>
                    <a:pt x="75" y="49530"/>
                    <a:pt x="9600" y="44768"/>
                  </a:cubicBezTo>
                  <a:lnTo>
                    <a:pt x="82942" y="0"/>
                  </a:lnTo>
                  <a:lnTo>
                    <a:pt x="190575" y="179070"/>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sp>
          <p:nvSpPr>
            <p:cNvPr id="91" name="Freihandform: Form 90">
              <a:extLst>
                <a:ext uri="{FF2B5EF4-FFF2-40B4-BE49-F238E27FC236}">
                  <a16:creationId xmlns:a16="http://schemas.microsoft.com/office/drawing/2014/main" id="{75146DF0-EED3-2E89-D117-DFE6F589CC70}"/>
                </a:ext>
              </a:extLst>
            </p:cNvPr>
            <p:cNvSpPr/>
            <p:nvPr/>
          </p:nvSpPr>
          <p:spPr bwMode="gray">
            <a:xfrm>
              <a:off x="9037755" y="6162880"/>
              <a:ext cx="403007" cy="223979"/>
            </a:xfrm>
            <a:custGeom>
              <a:avLst/>
              <a:gdLst>
                <a:gd name="connsiteX0" fmla="*/ 322045 w 403007"/>
                <a:gd name="connsiteY0" fmla="*/ 12524 h 223979"/>
                <a:gd name="connsiteX1" fmla="*/ 122020 w 403007"/>
                <a:gd name="connsiteY1" fmla="*/ 1094 h 223979"/>
                <a:gd name="connsiteX2" fmla="*/ 117258 w 403007"/>
                <a:gd name="connsiteY2" fmla="*/ 142 h 223979"/>
                <a:gd name="connsiteX3" fmla="*/ 84873 w 403007"/>
                <a:gd name="connsiteY3" fmla="*/ 12524 h 223979"/>
                <a:gd name="connsiteX4" fmla="*/ 9625 w 403007"/>
                <a:gd name="connsiteY4" fmla="*/ 98249 h 223979"/>
                <a:gd name="connsiteX5" fmla="*/ 13435 w 403007"/>
                <a:gd name="connsiteY5" fmla="*/ 151589 h 223979"/>
                <a:gd name="connsiteX6" fmla="*/ 42010 w 403007"/>
                <a:gd name="connsiteY6" fmla="*/ 161114 h 223979"/>
                <a:gd name="connsiteX7" fmla="*/ 67728 w 403007"/>
                <a:gd name="connsiteY7" fmla="*/ 147779 h 223979"/>
                <a:gd name="connsiteX8" fmla="*/ 145833 w 403007"/>
                <a:gd name="connsiteY8" fmla="*/ 58244 h 223979"/>
                <a:gd name="connsiteX9" fmla="*/ 323950 w 403007"/>
                <a:gd name="connsiteY9" fmla="*/ 211597 h 223979"/>
                <a:gd name="connsiteX10" fmla="*/ 323950 w 403007"/>
                <a:gd name="connsiteY10" fmla="*/ 211597 h 223979"/>
                <a:gd name="connsiteX11" fmla="*/ 323950 w 403007"/>
                <a:gd name="connsiteY11" fmla="*/ 211597 h 223979"/>
                <a:gd name="connsiteX12" fmla="*/ 334428 w 403007"/>
                <a:gd name="connsiteY12" fmla="*/ 223979 h 223979"/>
                <a:gd name="connsiteX13" fmla="*/ 403008 w 403007"/>
                <a:gd name="connsiteY13" fmla="*/ 144922 h 223979"/>
                <a:gd name="connsiteX14" fmla="*/ 322045 w 403007"/>
                <a:gd name="connsiteY14" fmla="*/ 12524 h 223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03007" h="223979">
                  <a:moveTo>
                    <a:pt x="322045" y="12524"/>
                  </a:moveTo>
                  <a:cubicBezTo>
                    <a:pt x="242988" y="41099"/>
                    <a:pt x="185838" y="13477"/>
                    <a:pt x="122020" y="1094"/>
                  </a:cubicBezTo>
                  <a:cubicBezTo>
                    <a:pt x="121068" y="1094"/>
                    <a:pt x="117258" y="142"/>
                    <a:pt x="117258" y="142"/>
                  </a:cubicBezTo>
                  <a:cubicBezTo>
                    <a:pt x="105828" y="-811"/>
                    <a:pt x="93445" y="2999"/>
                    <a:pt x="84873" y="12524"/>
                  </a:cubicBezTo>
                  <a:lnTo>
                    <a:pt x="9625" y="98249"/>
                  </a:lnTo>
                  <a:cubicBezTo>
                    <a:pt x="-4662" y="114442"/>
                    <a:pt x="-2757" y="138254"/>
                    <a:pt x="13435" y="151589"/>
                  </a:cubicBezTo>
                  <a:cubicBezTo>
                    <a:pt x="22008" y="158257"/>
                    <a:pt x="31533" y="162067"/>
                    <a:pt x="42010" y="161114"/>
                  </a:cubicBezTo>
                  <a:cubicBezTo>
                    <a:pt x="51535" y="160162"/>
                    <a:pt x="61060" y="156352"/>
                    <a:pt x="67728" y="147779"/>
                  </a:cubicBezTo>
                  <a:cubicBezTo>
                    <a:pt x="67728" y="147779"/>
                    <a:pt x="145833" y="58244"/>
                    <a:pt x="145833" y="58244"/>
                  </a:cubicBezTo>
                  <a:lnTo>
                    <a:pt x="323950" y="211597"/>
                  </a:lnTo>
                  <a:lnTo>
                    <a:pt x="323950" y="211597"/>
                  </a:lnTo>
                  <a:lnTo>
                    <a:pt x="323950" y="211597"/>
                  </a:lnTo>
                  <a:cubicBezTo>
                    <a:pt x="328713" y="216359"/>
                    <a:pt x="330618" y="218264"/>
                    <a:pt x="334428" y="223979"/>
                  </a:cubicBezTo>
                  <a:lnTo>
                    <a:pt x="403008" y="144922"/>
                  </a:lnTo>
                  <a:lnTo>
                    <a:pt x="322045" y="12524"/>
                  </a:lnTo>
                  <a:close/>
                </a:path>
              </a:pathLst>
            </a:custGeom>
            <a:grpFill/>
            <a:ln w="9525" cap="flat">
              <a:noFill/>
              <a:prstDash val="solid"/>
              <a:miter/>
            </a:ln>
          </p:spPr>
          <p:txBody>
            <a:bodyPr wrap="square" lIns="0" tIns="0" rIns="0" bIns="0" rtlCol="0" anchor="ctr">
              <a:noAutofit/>
            </a:bodyPr>
            <a:lstStyle/>
            <a:p>
              <a:pPr algn="ctr">
                <a:lnSpc>
                  <a:spcPct val="120000"/>
                </a:lnSpc>
              </a:pPr>
              <a:endParaRPr lang="de-CH" spc="20" dirty="0"/>
            </a:p>
          </p:txBody>
        </p:sp>
      </p:grpSp>
      <p:pic>
        <p:nvPicPr>
          <p:cNvPr id="92" name="Grafik 91">
            <a:extLst>
              <a:ext uri="{FF2B5EF4-FFF2-40B4-BE49-F238E27FC236}">
                <a16:creationId xmlns:a16="http://schemas.microsoft.com/office/drawing/2014/main" id="{933CBDF5-73F2-FA0E-5598-28C783287C87}"/>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bwMode="gray">
          <a:xfrm>
            <a:off x="8796292" y="2060848"/>
            <a:ext cx="360000" cy="360000"/>
          </a:xfrm>
          <a:prstGeom prst="rect">
            <a:avLst/>
          </a:prstGeom>
        </p:spPr>
      </p:pic>
      <p:sp>
        <p:nvSpPr>
          <p:cNvPr id="93" name="Grafik 31" descr="Gebäude mit einfarbiger Füllung">
            <a:extLst>
              <a:ext uri="{FF2B5EF4-FFF2-40B4-BE49-F238E27FC236}">
                <a16:creationId xmlns:a16="http://schemas.microsoft.com/office/drawing/2014/main" id="{E6F085FE-EAA5-DA06-F862-9B018C5159F1}"/>
              </a:ext>
            </a:extLst>
          </p:cNvPr>
          <p:cNvSpPr>
            <a:spLocks noChangeAspect="1"/>
          </p:cNvSpPr>
          <p:nvPr/>
        </p:nvSpPr>
        <p:spPr bwMode="gray">
          <a:xfrm>
            <a:off x="6768152" y="548680"/>
            <a:ext cx="240000" cy="360000"/>
          </a:xfrm>
          <a:custGeom>
            <a:avLst/>
            <a:gdLst>
              <a:gd name="connsiteX0" fmla="*/ 428625 w 533400"/>
              <a:gd name="connsiteY0" fmla="*/ 219075 h 800100"/>
              <a:gd name="connsiteX1" fmla="*/ 371475 w 533400"/>
              <a:gd name="connsiteY1" fmla="*/ 219075 h 800100"/>
              <a:gd name="connsiteX2" fmla="*/ 371475 w 533400"/>
              <a:gd name="connsiteY2" fmla="*/ 161925 h 800100"/>
              <a:gd name="connsiteX3" fmla="*/ 428625 w 533400"/>
              <a:gd name="connsiteY3" fmla="*/ 161925 h 800100"/>
              <a:gd name="connsiteX4" fmla="*/ 428625 w 533400"/>
              <a:gd name="connsiteY4" fmla="*/ 219075 h 800100"/>
              <a:gd name="connsiteX5" fmla="*/ 428625 w 533400"/>
              <a:gd name="connsiteY5" fmla="*/ 371475 h 800100"/>
              <a:gd name="connsiteX6" fmla="*/ 371475 w 533400"/>
              <a:gd name="connsiteY6" fmla="*/ 371475 h 800100"/>
              <a:gd name="connsiteX7" fmla="*/ 371475 w 533400"/>
              <a:gd name="connsiteY7" fmla="*/ 314325 h 800100"/>
              <a:gd name="connsiteX8" fmla="*/ 428625 w 533400"/>
              <a:gd name="connsiteY8" fmla="*/ 314325 h 800100"/>
              <a:gd name="connsiteX9" fmla="*/ 428625 w 533400"/>
              <a:gd name="connsiteY9" fmla="*/ 371475 h 800100"/>
              <a:gd name="connsiteX10" fmla="*/ 428625 w 533400"/>
              <a:gd name="connsiteY10" fmla="*/ 523875 h 800100"/>
              <a:gd name="connsiteX11" fmla="*/ 371475 w 533400"/>
              <a:gd name="connsiteY11" fmla="*/ 523875 h 800100"/>
              <a:gd name="connsiteX12" fmla="*/ 371475 w 533400"/>
              <a:gd name="connsiteY12" fmla="*/ 466725 h 800100"/>
              <a:gd name="connsiteX13" fmla="*/ 428625 w 533400"/>
              <a:gd name="connsiteY13" fmla="*/ 466725 h 800100"/>
              <a:gd name="connsiteX14" fmla="*/ 428625 w 533400"/>
              <a:gd name="connsiteY14" fmla="*/ 523875 h 800100"/>
              <a:gd name="connsiteX15" fmla="*/ 428625 w 533400"/>
              <a:gd name="connsiteY15" fmla="*/ 676275 h 800100"/>
              <a:gd name="connsiteX16" fmla="*/ 371475 w 533400"/>
              <a:gd name="connsiteY16" fmla="*/ 676275 h 800100"/>
              <a:gd name="connsiteX17" fmla="*/ 371475 w 533400"/>
              <a:gd name="connsiteY17" fmla="*/ 619125 h 800100"/>
              <a:gd name="connsiteX18" fmla="*/ 428625 w 533400"/>
              <a:gd name="connsiteY18" fmla="*/ 619125 h 800100"/>
              <a:gd name="connsiteX19" fmla="*/ 428625 w 533400"/>
              <a:gd name="connsiteY19" fmla="*/ 676275 h 800100"/>
              <a:gd name="connsiteX20" fmla="*/ 295275 w 533400"/>
              <a:gd name="connsiteY20" fmla="*/ 219075 h 800100"/>
              <a:gd name="connsiteX21" fmla="*/ 238125 w 533400"/>
              <a:gd name="connsiteY21" fmla="*/ 219075 h 800100"/>
              <a:gd name="connsiteX22" fmla="*/ 238125 w 533400"/>
              <a:gd name="connsiteY22" fmla="*/ 161925 h 800100"/>
              <a:gd name="connsiteX23" fmla="*/ 295275 w 533400"/>
              <a:gd name="connsiteY23" fmla="*/ 161925 h 800100"/>
              <a:gd name="connsiteX24" fmla="*/ 295275 w 533400"/>
              <a:gd name="connsiteY24" fmla="*/ 219075 h 800100"/>
              <a:gd name="connsiteX25" fmla="*/ 295275 w 533400"/>
              <a:gd name="connsiteY25" fmla="*/ 371475 h 800100"/>
              <a:gd name="connsiteX26" fmla="*/ 238125 w 533400"/>
              <a:gd name="connsiteY26" fmla="*/ 371475 h 800100"/>
              <a:gd name="connsiteX27" fmla="*/ 238125 w 533400"/>
              <a:gd name="connsiteY27" fmla="*/ 314325 h 800100"/>
              <a:gd name="connsiteX28" fmla="*/ 295275 w 533400"/>
              <a:gd name="connsiteY28" fmla="*/ 314325 h 800100"/>
              <a:gd name="connsiteX29" fmla="*/ 295275 w 533400"/>
              <a:gd name="connsiteY29" fmla="*/ 371475 h 800100"/>
              <a:gd name="connsiteX30" fmla="*/ 295275 w 533400"/>
              <a:gd name="connsiteY30" fmla="*/ 523875 h 800100"/>
              <a:gd name="connsiteX31" fmla="*/ 238125 w 533400"/>
              <a:gd name="connsiteY31" fmla="*/ 523875 h 800100"/>
              <a:gd name="connsiteX32" fmla="*/ 238125 w 533400"/>
              <a:gd name="connsiteY32" fmla="*/ 466725 h 800100"/>
              <a:gd name="connsiteX33" fmla="*/ 295275 w 533400"/>
              <a:gd name="connsiteY33" fmla="*/ 466725 h 800100"/>
              <a:gd name="connsiteX34" fmla="*/ 295275 w 533400"/>
              <a:gd name="connsiteY34" fmla="*/ 523875 h 800100"/>
              <a:gd name="connsiteX35" fmla="*/ 295275 w 533400"/>
              <a:gd name="connsiteY35" fmla="*/ 733425 h 800100"/>
              <a:gd name="connsiteX36" fmla="*/ 238125 w 533400"/>
              <a:gd name="connsiteY36" fmla="*/ 733425 h 800100"/>
              <a:gd name="connsiteX37" fmla="*/ 238125 w 533400"/>
              <a:gd name="connsiteY37" fmla="*/ 619125 h 800100"/>
              <a:gd name="connsiteX38" fmla="*/ 295275 w 533400"/>
              <a:gd name="connsiteY38" fmla="*/ 619125 h 800100"/>
              <a:gd name="connsiteX39" fmla="*/ 295275 w 533400"/>
              <a:gd name="connsiteY39" fmla="*/ 733425 h 800100"/>
              <a:gd name="connsiteX40" fmla="*/ 161925 w 533400"/>
              <a:gd name="connsiteY40" fmla="*/ 219075 h 800100"/>
              <a:gd name="connsiteX41" fmla="*/ 104775 w 533400"/>
              <a:gd name="connsiteY41" fmla="*/ 219075 h 800100"/>
              <a:gd name="connsiteX42" fmla="*/ 104775 w 533400"/>
              <a:gd name="connsiteY42" fmla="*/ 161925 h 800100"/>
              <a:gd name="connsiteX43" fmla="*/ 161925 w 533400"/>
              <a:gd name="connsiteY43" fmla="*/ 161925 h 800100"/>
              <a:gd name="connsiteX44" fmla="*/ 161925 w 533400"/>
              <a:gd name="connsiteY44" fmla="*/ 219075 h 800100"/>
              <a:gd name="connsiteX45" fmla="*/ 161925 w 533400"/>
              <a:gd name="connsiteY45" fmla="*/ 371475 h 800100"/>
              <a:gd name="connsiteX46" fmla="*/ 104775 w 533400"/>
              <a:gd name="connsiteY46" fmla="*/ 371475 h 800100"/>
              <a:gd name="connsiteX47" fmla="*/ 104775 w 533400"/>
              <a:gd name="connsiteY47" fmla="*/ 314325 h 800100"/>
              <a:gd name="connsiteX48" fmla="*/ 161925 w 533400"/>
              <a:gd name="connsiteY48" fmla="*/ 314325 h 800100"/>
              <a:gd name="connsiteX49" fmla="*/ 161925 w 533400"/>
              <a:gd name="connsiteY49" fmla="*/ 371475 h 800100"/>
              <a:gd name="connsiteX50" fmla="*/ 161925 w 533400"/>
              <a:gd name="connsiteY50" fmla="*/ 523875 h 800100"/>
              <a:gd name="connsiteX51" fmla="*/ 104775 w 533400"/>
              <a:gd name="connsiteY51" fmla="*/ 523875 h 800100"/>
              <a:gd name="connsiteX52" fmla="*/ 104775 w 533400"/>
              <a:gd name="connsiteY52" fmla="*/ 466725 h 800100"/>
              <a:gd name="connsiteX53" fmla="*/ 161925 w 533400"/>
              <a:gd name="connsiteY53" fmla="*/ 466725 h 800100"/>
              <a:gd name="connsiteX54" fmla="*/ 161925 w 533400"/>
              <a:gd name="connsiteY54" fmla="*/ 523875 h 800100"/>
              <a:gd name="connsiteX55" fmla="*/ 161925 w 533400"/>
              <a:gd name="connsiteY55" fmla="*/ 676275 h 800100"/>
              <a:gd name="connsiteX56" fmla="*/ 104775 w 533400"/>
              <a:gd name="connsiteY56" fmla="*/ 676275 h 800100"/>
              <a:gd name="connsiteX57" fmla="*/ 104775 w 533400"/>
              <a:gd name="connsiteY57" fmla="*/ 619125 h 800100"/>
              <a:gd name="connsiteX58" fmla="*/ 161925 w 533400"/>
              <a:gd name="connsiteY58" fmla="*/ 619125 h 800100"/>
              <a:gd name="connsiteX59" fmla="*/ 161925 w 533400"/>
              <a:gd name="connsiteY59" fmla="*/ 676275 h 800100"/>
              <a:gd name="connsiteX60" fmla="*/ 495300 w 533400"/>
              <a:gd name="connsiteY60" fmla="*/ 733425 h 800100"/>
              <a:gd name="connsiteX61" fmla="*/ 495300 w 533400"/>
              <a:gd name="connsiteY61" fmla="*/ 95250 h 800100"/>
              <a:gd name="connsiteX62" fmla="*/ 466725 w 533400"/>
              <a:gd name="connsiteY62" fmla="*/ 95250 h 800100"/>
              <a:gd name="connsiteX63" fmla="*/ 466725 w 533400"/>
              <a:gd name="connsiteY63" fmla="*/ 38100 h 800100"/>
              <a:gd name="connsiteX64" fmla="*/ 438150 w 533400"/>
              <a:gd name="connsiteY64" fmla="*/ 38100 h 800100"/>
              <a:gd name="connsiteX65" fmla="*/ 438150 w 533400"/>
              <a:gd name="connsiteY65" fmla="*/ 0 h 800100"/>
              <a:gd name="connsiteX66" fmla="*/ 95250 w 533400"/>
              <a:gd name="connsiteY66" fmla="*/ 0 h 800100"/>
              <a:gd name="connsiteX67" fmla="*/ 95250 w 533400"/>
              <a:gd name="connsiteY67" fmla="*/ 38100 h 800100"/>
              <a:gd name="connsiteX68" fmla="*/ 66675 w 533400"/>
              <a:gd name="connsiteY68" fmla="*/ 38100 h 800100"/>
              <a:gd name="connsiteX69" fmla="*/ 66675 w 533400"/>
              <a:gd name="connsiteY69" fmla="*/ 95250 h 800100"/>
              <a:gd name="connsiteX70" fmla="*/ 38100 w 533400"/>
              <a:gd name="connsiteY70" fmla="*/ 95250 h 800100"/>
              <a:gd name="connsiteX71" fmla="*/ 38100 w 533400"/>
              <a:gd name="connsiteY71" fmla="*/ 733425 h 800100"/>
              <a:gd name="connsiteX72" fmla="*/ 0 w 533400"/>
              <a:gd name="connsiteY72" fmla="*/ 733425 h 800100"/>
              <a:gd name="connsiteX73" fmla="*/ 0 w 533400"/>
              <a:gd name="connsiteY73" fmla="*/ 800100 h 800100"/>
              <a:gd name="connsiteX74" fmla="*/ 533400 w 533400"/>
              <a:gd name="connsiteY74" fmla="*/ 800100 h 800100"/>
              <a:gd name="connsiteX75" fmla="*/ 533400 w 533400"/>
              <a:gd name="connsiteY75" fmla="*/ 733425 h 800100"/>
              <a:gd name="connsiteX76" fmla="*/ 495300 w 533400"/>
              <a:gd name="connsiteY76" fmla="*/ 733425 h 800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Lst>
            <a:rect l="l" t="t" r="r" b="b"/>
            <a:pathLst>
              <a:path w="533400" h="800100">
                <a:moveTo>
                  <a:pt x="428625" y="219075"/>
                </a:moveTo>
                <a:lnTo>
                  <a:pt x="371475" y="219075"/>
                </a:lnTo>
                <a:lnTo>
                  <a:pt x="371475" y="161925"/>
                </a:lnTo>
                <a:lnTo>
                  <a:pt x="428625" y="161925"/>
                </a:lnTo>
                <a:lnTo>
                  <a:pt x="428625" y="219075"/>
                </a:lnTo>
                <a:close/>
                <a:moveTo>
                  <a:pt x="428625" y="371475"/>
                </a:moveTo>
                <a:lnTo>
                  <a:pt x="371475" y="371475"/>
                </a:lnTo>
                <a:lnTo>
                  <a:pt x="371475" y="314325"/>
                </a:lnTo>
                <a:lnTo>
                  <a:pt x="428625" y="314325"/>
                </a:lnTo>
                <a:lnTo>
                  <a:pt x="428625" y="371475"/>
                </a:lnTo>
                <a:close/>
                <a:moveTo>
                  <a:pt x="428625" y="523875"/>
                </a:moveTo>
                <a:lnTo>
                  <a:pt x="371475" y="523875"/>
                </a:lnTo>
                <a:lnTo>
                  <a:pt x="371475" y="466725"/>
                </a:lnTo>
                <a:lnTo>
                  <a:pt x="428625" y="466725"/>
                </a:lnTo>
                <a:lnTo>
                  <a:pt x="428625" y="523875"/>
                </a:lnTo>
                <a:close/>
                <a:moveTo>
                  <a:pt x="428625" y="676275"/>
                </a:moveTo>
                <a:lnTo>
                  <a:pt x="371475" y="676275"/>
                </a:lnTo>
                <a:lnTo>
                  <a:pt x="371475" y="619125"/>
                </a:lnTo>
                <a:lnTo>
                  <a:pt x="428625" y="619125"/>
                </a:lnTo>
                <a:lnTo>
                  <a:pt x="428625" y="676275"/>
                </a:lnTo>
                <a:close/>
                <a:moveTo>
                  <a:pt x="295275" y="219075"/>
                </a:moveTo>
                <a:lnTo>
                  <a:pt x="238125" y="219075"/>
                </a:lnTo>
                <a:lnTo>
                  <a:pt x="238125" y="161925"/>
                </a:lnTo>
                <a:lnTo>
                  <a:pt x="295275" y="161925"/>
                </a:lnTo>
                <a:lnTo>
                  <a:pt x="295275" y="219075"/>
                </a:lnTo>
                <a:close/>
                <a:moveTo>
                  <a:pt x="295275" y="371475"/>
                </a:moveTo>
                <a:lnTo>
                  <a:pt x="238125" y="371475"/>
                </a:lnTo>
                <a:lnTo>
                  <a:pt x="238125" y="314325"/>
                </a:lnTo>
                <a:lnTo>
                  <a:pt x="295275" y="314325"/>
                </a:lnTo>
                <a:lnTo>
                  <a:pt x="295275" y="371475"/>
                </a:lnTo>
                <a:close/>
                <a:moveTo>
                  <a:pt x="295275" y="523875"/>
                </a:moveTo>
                <a:lnTo>
                  <a:pt x="238125" y="523875"/>
                </a:lnTo>
                <a:lnTo>
                  <a:pt x="238125" y="466725"/>
                </a:lnTo>
                <a:lnTo>
                  <a:pt x="295275" y="466725"/>
                </a:lnTo>
                <a:lnTo>
                  <a:pt x="295275" y="523875"/>
                </a:lnTo>
                <a:close/>
                <a:moveTo>
                  <a:pt x="295275" y="733425"/>
                </a:moveTo>
                <a:lnTo>
                  <a:pt x="238125" y="733425"/>
                </a:lnTo>
                <a:lnTo>
                  <a:pt x="238125" y="619125"/>
                </a:lnTo>
                <a:lnTo>
                  <a:pt x="295275" y="619125"/>
                </a:lnTo>
                <a:lnTo>
                  <a:pt x="295275" y="733425"/>
                </a:lnTo>
                <a:close/>
                <a:moveTo>
                  <a:pt x="161925" y="219075"/>
                </a:moveTo>
                <a:lnTo>
                  <a:pt x="104775" y="219075"/>
                </a:lnTo>
                <a:lnTo>
                  <a:pt x="104775" y="161925"/>
                </a:lnTo>
                <a:lnTo>
                  <a:pt x="161925" y="161925"/>
                </a:lnTo>
                <a:lnTo>
                  <a:pt x="161925" y="219075"/>
                </a:lnTo>
                <a:close/>
                <a:moveTo>
                  <a:pt x="161925" y="371475"/>
                </a:moveTo>
                <a:lnTo>
                  <a:pt x="104775" y="371475"/>
                </a:lnTo>
                <a:lnTo>
                  <a:pt x="104775" y="314325"/>
                </a:lnTo>
                <a:lnTo>
                  <a:pt x="161925" y="314325"/>
                </a:lnTo>
                <a:lnTo>
                  <a:pt x="161925" y="371475"/>
                </a:lnTo>
                <a:close/>
                <a:moveTo>
                  <a:pt x="161925" y="523875"/>
                </a:moveTo>
                <a:lnTo>
                  <a:pt x="104775" y="523875"/>
                </a:lnTo>
                <a:lnTo>
                  <a:pt x="104775" y="466725"/>
                </a:lnTo>
                <a:lnTo>
                  <a:pt x="161925" y="466725"/>
                </a:lnTo>
                <a:lnTo>
                  <a:pt x="161925" y="523875"/>
                </a:lnTo>
                <a:close/>
                <a:moveTo>
                  <a:pt x="161925" y="676275"/>
                </a:moveTo>
                <a:lnTo>
                  <a:pt x="104775" y="676275"/>
                </a:lnTo>
                <a:lnTo>
                  <a:pt x="104775" y="619125"/>
                </a:lnTo>
                <a:lnTo>
                  <a:pt x="161925" y="619125"/>
                </a:lnTo>
                <a:lnTo>
                  <a:pt x="161925" y="676275"/>
                </a:lnTo>
                <a:close/>
                <a:moveTo>
                  <a:pt x="495300" y="733425"/>
                </a:moveTo>
                <a:lnTo>
                  <a:pt x="495300" y="95250"/>
                </a:lnTo>
                <a:lnTo>
                  <a:pt x="466725" y="95250"/>
                </a:lnTo>
                <a:lnTo>
                  <a:pt x="466725" y="38100"/>
                </a:lnTo>
                <a:lnTo>
                  <a:pt x="438150" y="38100"/>
                </a:lnTo>
                <a:lnTo>
                  <a:pt x="438150" y="0"/>
                </a:lnTo>
                <a:lnTo>
                  <a:pt x="95250" y="0"/>
                </a:lnTo>
                <a:lnTo>
                  <a:pt x="95250" y="38100"/>
                </a:lnTo>
                <a:lnTo>
                  <a:pt x="66675" y="38100"/>
                </a:lnTo>
                <a:lnTo>
                  <a:pt x="66675" y="95250"/>
                </a:lnTo>
                <a:lnTo>
                  <a:pt x="38100" y="95250"/>
                </a:lnTo>
                <a:lnTo>
                  <a:pt x="38100" y="733425"/>
                </a:lnTo>
                <a:lnTo>
                  <a:pt x="0" y="733425"/>
                </a:lnTo>
                <a:lnTo>
                  <a:pt x="0" y="800100"/>
                </a:lnTo>
                <a:lnTo>
                  <a:pt x="533400" y="800100"/>
                </a:lnTo>
                <a:lnTo>
                  <a:pt x="533400" y="733425"/>
                </a:lnTo>
                <a:lnTo>
                  <a:pt x="495300" y="733425"/>
                </a:lnTo>
                <a:close/>
              </a:path>
            </a:pathLst>
          </a:custGeom>
          <a:solidFill>
            <a:schemeClr val="bg1"/>
          </a:solidFill>
          <a:ln w="9525" cap="flat">
            <a:noFill/>
            <a:prstDash val="solid"/>
            <a:miter/>
          </a:ln>
        </p:spPr>
        <p:txBody>
          <a:bodyPr wrap="square" lIns="0" tIns="0" rIns="0" bIns="0" rtlCol="0" anchor="ctr">
            <a:noAutofit/>
          </a:bodyPr>
          <a:lstStyle/>
          <a:p>
            <a:pPr algn="ctr">
              <a:lnSpc>
                <a:spcPct val="120000"/>
              </a:lnSpc>
            </a:pPr>
            <a:endParaRPr lang="de-CH" spc="20" dirty="0"/>
          </a:p>
        </p:txBody>
      </p:sp>
      <p:pic>
        <p:nvPicPr>
          <p:cNvPr id="101" name="Grafik 100" descr="Offene Hand mit Pflanze mit einfarbiger Füllung">
            <a:extLst>
              <a:ext uri="{FF2B5EF4-FFF2-40B4-BE49-F238E27FC236}">
                <a16:creationId xmlns:a16="http://schemas.microsoft.com/office/drawing/2014/main" id="{4C504B5F-27CD-0314-6D88-0B43C0AC93C2}"/>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bwMode="gray">
          <a:xfrm>
            <a:off x="6996152" y="2060848"/>
            <a:ext cx="360000" cy="360000"/>
          </a:xfrm>
          <a:prstGeom prst="rect">
            <a:avLst/>
          </a:prstGeom>
        </p:spPr>
      </p:pic>
      <p:pic>
        <p:nvPicPr>
          <p:cNvPr id="102" name="Grafik 101" descr="Wissenschaftlicher Gedanke mit einfarbiger Füllung">
            <a:extLst>
              <a:ext uri="{FF2B5EF4-FFF2-40B4-BE49-F238E27FC236}">
                <a16:creationId xmlns:a16="http://schemas.microsoft.com/office/drawing/2014/main" id="{9197CD4E-72ED-3D9F-030E-4443C6778C4E}"/>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bwMode="gray">
          <a:xfrm>
            <a:off x="10596432" y="2060848"/>
            <a:ext cx="360000" cy="360000"/>
          </a:xfrm>
          <a:prstGeom prst="rect">
            <a:avLst/>
          </a:prstGeom>
        </p:spPr>
      </p:pic>
      <p:sp>
        <p:nvSpPr>
          <p:cNvPr id="41" name="Grafik 11">
            <a:extLst>
              <a:ext uri="{FF2B5EF4-FFF2-40B4-BE49-F238E27FC236}">
                <a16:creationId xmlns:a16="http://schemas.microsoft.com/office/drawing/2014/main" id="{C40C0FFC-3504-3735-507C-BF73D2298FBA}"/>
              </a:ext>
            </a:extLst>
          </p:cNvPr>
          <p:cNvSpPr>
            <a:spLocks noChangeAspect="1"/>
          </p:cNvSpPr>
          <p:nvPr/>
        </p:nvSpPr>
        <p:spPr bwMode="gray">
          <a:xfrm>
            <a:off x="335360" y="3429000"/>
            <a:ext cx="791731" cy="792000"/>
          </a:xfrm>
          <a:custGeom>
            <a:avLst/>
            <a:gdLst>
              <a:gd name="connsiteX0" fmla="*/ 1639905 w 1639905"/>
              <a:gd name="connsiteY0" fmla="*/ 757937 h 1640463"/>
              <a:gd name="connsiteX1" fmla="*/ 879836 w 1639905"/>
              <a:gd name="connsiteY1" fmla="*/ 757937 h 1640463"/>
              <a:gd name="connsiteX2" fmla="*/ 879836 w 1639905"/>
              <a:gd name="connsiteY2" fmla="*/ 0 h 1640463"/>
              <a:gd name="connsiteX3" fmla="*/ 754895 w 1639905"/>
              <a:gd name="connsiteY3" fmla="*/ 0 h 1640463"/>
              <a:gd name="connsiteX4" fmla="*/ 754895 w 1639905"/>
              <a:gd name="connsiteY4" fmla="*/ 757937 h 1640463"/>
              <a:gd name="connsiteX5" fmla="*/ 0 w 1639905"/>
              <a:gd name="connsiteY5" fmla="*/ 757937 h 1640463"/>
              <a:gd name="connsiteX6" fmla="*/ 0 w 1639905"/>
              <a:gd name="connsiteY6" fmla="*/ 882531 h 1640463"/>
              <a:gd name="connsiteX7" fmla="*/ 754895 w 1639905"/>
              <a:gd name="connsiteY7" fmla="*/ 882531 h 1640463"/>
              <a:gd name="connsiteX8" fmla="*/ 754895 w 1639905"/>
              <a:gd name="connsiteY8" fmla="*/ 1640464 h 1640463"/>
              <a:gd name="connsiteX9" fmla="*/ 879836 w 1639905"/>
              <a:gd name="connsiteY9" fmla="*/ 1640464 h 1640463"/>
              <a:gd name="connsiteX10" fmla="*/ 879836 w 1639905"/>
              <a:gd name="connsiteY10" fmla="*/ 882531 h 1640463"/>
              <a:gd name="connsiteX11" fmla="*/ 1639905 w 1639905"/>
              <a:gd name="connsiteY11" fmla="*/ 882531 h 1640463"/>
              <a:gd name="connsiteX12" fmla="*/ 1639905 w 1639905"/>
              <a:gd name="connsiteY12" fmla="*/ 757937 h 164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639905" h="1640463">
                <a:moveTo>
                  <a:pt x="1639905" y="757937"/>
                </a:moveTo>
                <a:lnTo>
                  <a:pt x="879836" y="757937"/>
                </a:lnTo>
                <a:lnTo>
                  <a:pt x="879836" y="0"/>
                </a:lnTo>
                <a:lnTo>
                  <a:pt x="754895" y="0"/>
                </a:lnTo>
                <a:lnTo>
                  <a:pt x="754895" y="757937"/>
                </a:lnTo>
                <a:lnTo>
                  <a:pt x="0" y="757937"/>
                </a:lnTo>
                <a:lnTo>
                  <a:pt x="0" y="882531"/>
                </a:lnTo>
                <a:lnTo>
                  <a:pt x="754895" y="882531"/>
                </a:lnTo>
                <a:lnTo>
                  <a:pt x="754895" y="1640464"/>
                </a:lnTo>
                <a:lnTo>
                  <a:pt x="879836" y="1640464"/>
                </a:lnTo>
                <a:lnTo>
                  <a:pt x="879836" y="882531"/>
                </a:lnTo>
                <a:lnTo>
                  <a:pt x="1639905" y="882531"/>
                </a:lnTo>
                <a:lnTo>
                  <a:pt x="1639905" y="757937"/>
                </a:lnTo>
                <a:close/>
              </a:path>
            </a:pathLst>
          </a:custGeom>
          <a:solidFill>
            <a:srgbClr val="B2B2B2">
              <a:alpha val="25000"/>
            </a:srgbClr>
          </a:solidFill>
          <a:ln w="25400" cap="flat">
            <a:noFill/>
            <a:prstDash val="solid"/>
            <a:miter/>
          </a:ln>
        </p:spPr>
        <p:txBody>
          <a:bodyPr rtlCol="0" anchor="ctr"/>
          <a:lstStyle/>
          <a:p>
            <a:endParaRPr lang="de-CH" spc="20" dirty="0"/>
          </a:p>
        </p:txBody>
      </p:sp>
      <p:sp>
        <p:nvSpPr>
          <p:cNvPr id="103" name="Standard Text">
            <a:extLst>
              <a:ext uri="{FF2B5EF4-FFF2-40B4-BE49-F238E27FC236}">
                <a16:creationId xmlns:a16="http://schemas.microsoft.com/office/drawing/2014/main" id="{F28D852F-E130-1011-67D5-B1A199C74D58}"/>
              </a:ext>
            </a:extLst>
          </p:cNvPr>
          <p:cNvSpPr txBox="1">
            <a:spLocks/>
          </p:cNvSpPr>
          <p:nvPr/>
        </p:nvSpPr>
        <p:spPr bwMode="gray">
          <a:xfrm>
            <a:off x="10128448" y="1052736"/>
            <a:ext cx="1440000"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Die Zühlke Gruppe ist im Besitz von Partnern</a:t>
            </a:r>
          </a:p>
        </p:txBody>
      </p:sp>
      <p:sp>
        <p:nvSpPr>
          <p:cNvPr id="104" name="Standard Text">
            <a:extLst>
              <a:ext uri="{FF2B5EF4-FFF2-40B4-BE49-F238E27FC236}">
                <a16:creationId xmlns:a16="http://schemas.microsoft.com/office/drawing/2014/main" id="{BCA49A5F-6CCD-3A55-79F4-CC01758FAAC6}"/>
              </a:ext>
            </a:extLst>
          </p:cNvPr>
          <p:cNvSpPr txBox="1">
            <a:spLocks/>
          </p:cNvSpPr>
          <p:nvPr/>
        </p:nvSpPr>
        <p:spPr bwMode="gray">
          <a:xfrm>
            <a:off x="8768368" y="1052736"/>
            <a:ext cx="1224000"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1’600 Mitarbeitende weltweit</a:t>
            </a:r>
          </a:p>
        </p:txBody>
      </p:sp>
      <p:sp>
        <p:nvSpPr>
          <p:cNvPr id="105" name="Standard Text">
            <a:extLst>
              <a:ext uri="{FF2B5EF4-FFF2-40B4-BE49-F238E27FC236}">
                <a16:creationId xmlns:a16="http://schemas.microsoft.com/office/drawing/2014/main" id="{871D9685-0FA5-2734-46E7-9CB05B793664}"/>
              </a:ext>
            </a:extLst>
          </p:cNvPr>
          <p:cNvSpPr txBox="1">
            <a:spLocks/>
          </p:cNvSpPr>
          <p:nvPr/>
        </p:nvSpPr>
        <p:spPr bwMode="gray">
          <a:xfrm>
            <a:off x="7528231" y="1052736"/>
            <a:ext cx="1104058"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17 Standorte in 10 Ländern</a:t>
            </a:r>
          </a:p>
        </p:txBody>
      </p:sp>
      <p:sp>
        <p:nvSpPr>
          <p:cNvPr id="106" name="Standard Text">
            <a:extLst>
              <a:ext uri="{FF2B5EF4-FFF2-40B4-BE49-F238E27FC236}">
                <a16:creationId xmlns:a16="http://schemas.microsoft.com/office/drawing/2014/main" id="{7DE0C840-433F-CF0D-B707-BCC8403D15AF}"/>
              </a:ext>
            </a:extLst>
          </p:cNvPr>
          <p:cNvSpPr txBox="1">
            <a:spLocks/>
          </p:cNvSpPr>
          <p:nvPr/>
        </p:nvSpPr>
        <p:spPr bwMode="gray">
          <a:xfrm>
            <a:off x="6384152" y="1052736"/>
            <a:ext cx="1008000" cy="864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Gegründet 1968</a:t>
            </a:r>
          </a:p>
        </p:txBody>
      </p:sp>
      <p:sp>
        <p:nvSpPr>
          <p:cNvPr id="108" name="Standard Text">
            <a:extLst>
              <a:ext uri="{FF2B5EF4-FFF2-40B4-BE49-F238E27FC236}">
                <a16:creationId xmlns:a16="http://schemas.microsoft.com/office/drawing/2014/main" id="{A5F63269-B256-27FD-B280-AC6B34D59E12}"/>
              </a:ext>
            </a:extLst>
          </p:cNvPr>
          <p:cNvSpPr txBox="1">
            <a:spLocks/>
          </p:cNvSpPr>
          <p:nvPr/>
        </p:nvSpPr>
        <p:spPr bwMode="gray">
          <a:xfrm>
            <a:off x="6384152" y="2565024"/>
            <a:ext cx="1584000" cy="1080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Engagiert für Nachhaltigkeit in Kundenprojekten, Unternehmenskultur und Betriebsabläufen</a:t>
            </a:r>
          </a:p>
        </p:txBody>
      </p:sp>
      <p:sp>
        <p:nvSpPr>
          <p:cNvPr id="110" name="Standard Text">
            <a:extLst>
              <a:ext uri="{FF2B5EF4-FFF2-40B4-BE49-F238E27FC236}">
                <a16:creationId xmlns:a16="http://schemas.microsoft.com/office/drawing/2014/main" id="{FEBFE676-3C8E-52F8-122D-88D643A5C78B}"/>
              </a:ext>
            </a:extLst>
          </p:cNvPr>
          <p:cNvSpPr txBox="1">
            <a:spLocks/>
          </p:cNvSpPr>
          <p:nvPr/>
        </p:nvSpPr>
        <p:spPr bwMode="gray">
          <a:xfrm>
            <a:off x="8184292" y="2565024"/>
            <a:ext cx="1584000" cy="1080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Zertifizierungen: </a:t>
            </a:r>
            <a:br>
              <a:rPr lang="de-CH" sz="1400" dirty="0">
                <a:solidFill>
                  <a:schemeClr val="bg1"/>
                </a:solidFill>
              </a:rPr>
            </a:br>
            <a:r>
              <a:rPr lang="de-CH" sz="1400" dirty="0">
                <a:solidFill>
                  <a:schemeClr val="bg1"/>
                </a:solidFill>
              </a:rPr>
              <a:t>ISO 9001</a:t>
            </a:r>
            <a:br>
              <a:rPr lang="de-CH" sz="1400" dirty="0">
                <a:solidFill>
                  <a:schemeClr val="bg1"/>
                </a:solidFill>
              </a:rPr>
            </a:br>
            <a:r>
              <a:rPr lang="de-CH" sz="1400" dirty="0">
                <a:solidFill>
                  <a:schemeClr val="bg1"/>
                </a:solidFill>
              </a:rPr>
              <a:t>ISO 13485 </a:t>
            </a:r>
            <a:br>
              <a:rPr lang="de-CH" sz="1400" dirty="0">
                <a:solidFill>
                  <a:schemeClr val="bg1"/>
                </a:solidFill>
              </a:rPr>
            </a:br>
            <a:r>
              <a:rPr lang="de-CH" sz="1400" dirty="0">
                <a:solidFill>
                  <a:schemeClr val="bg1"/>
                </a:solidFill>
              </a:rPr>
              <a:t>ISO 27001</a:t>
            </a:r>
          </a:p>
        </p:txBody>
      </p:sp>
      <p:sp>
        <p:nvSpPr>
          <p:cNvPr id="111" name="Standard Text">
            <a:extLst>
              <a:ext uri="{FF2B5EF4-FFF2-40B4-BE49-F238E27FC236}">
                <a16:creationId xmlns:a16="http://schemas.microsoft.com/office/drawing/2014/main" id="{C47E8D7D-7D3C-4CA9-17D0-03A50224DA2F}"/>
              </a:ext>
            </a:extLst>
          </p:cNvPr>
          <p:cNvSpPr txBox="1">
            <a:spLocks/>
          </p:cNvSpPr>
          <p:nvPr/>
        </p:nvSpPr>
        <p:spPr bwMode="gray">
          <a:xfrm>
            <a:off x="9984432" y="2565024"/>
            <a:ext cx="1584000" cy="1080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algn="ctr"/>
            <a:r>
              <a:rPr lang="de-CH" sz="1400" dirty="0">
                <a:solidFill>
                  <a:schemeClr val="bg1"/>
                </a:solidFill>
              </a:rPr>
              <a:t>Wir bringen Daten</a:t>
            </a:r>
            <a:br>
              <a:rPr lang="de-CH" sz="1400" dirty="0">
                <a:solidFill>
                  <a:schemeClr val="bg1"/>
                </a:solidFill>
              </a:rPr>
            </a:br>
            <a:r>
              <a:rPr lang="de-CH" sz="1400" dirty="0">
                <a:solidFill>
                  <a:schemeClr val="bg1"/>
                </a:solidFill>
              </a:rPr>
              <a:t>in den Mittelpunkt </a:t>
            </a:r>
            <a:br>
              <a:rPr lang="de-CH" sz="1400" dirty="0">
                <a:solidFill>
                  <a:schemeClr val="bg1"/>
                </a:solidFill>
              </a:rPr>
            </a:br>
            <a:r>
              <a:rPr lang="de-CH" sz="1400" dirty="0">
                <a:solidFill>
                  <a:schemeClr val="bg1"/>
                </a:solidFill>
              </a:rPr>
              <a:t>unseres Handelns</a:t>
            </a:r>
          </a:p>
        </p:txBody>
      </p:sp>
      <p:sp>
        <p:nvSpPr>
          <p:cNvPr id="112" name="Standard Text">
            <a:extLst>
              <a:ext uri="{FF2B5EF4-FFF2-40B4-BE49-F238E27FC236}">
                <a16:creationId xmlns:a16="http://schemas.microsoft.com/office/drawing/2014/main" id="{4BDD3C6E-A1F2-E0D4-B4EF-64D01563C114}"/>
              </a:ext>
            </a:extLst>
          </p:cNvPr>
          <p:cNvSpPr txBox="1">
            <a:spLocks/>
          </p:cNvSpPr>
          <p:nvPr/>
        </p:nvSpPr>
        <p:spPr bwMode="gray">
          <a:xfrm>
            <a:off x="7482911" y="4364720"/>
            <a:ext cx="612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Österreich</a:t>
            </a:r>
          </a:p>
          <a:p>
            <a:pPr algn="ctr"/>
            <a:r>
              <a:rPr lang="de-CH" sz="1400" dirty="0"/>
              <a:t>Wien</a:t>
            </a:r>
          </a:p>
        </p:txBody>
      </p:sp>
      <p:sp>
        <p:nvSpPr>
          <p:cNvPr id="113" name="Standard Text">
            <a:extLst>
              <a:ext uri="{FF2B5EF4-FFF2-40B4-BE49-F238E27FC236}">
                <a16:creationId xmlns:a16="http://schemas.microsoft.com/office/drawing/2014/main" id="{B37354D6-0420-654C-17C2-6EBDD57764E4}"/>
              </a:ext>
            </a:extLst>
          </p:cNvPr>
          <p:cNvSpPr txBox="1">
            <a:spLocks/>
          </p:cNvSpPr>
          <p:nvPr/>
        </p:nvSpPr>
        <p:spPr bwMode="gray">
          <a:xfrm>
            <a:off x="4139894" y="4364720"/>
            <a:ext cx="576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Bulgarien</a:t>
            </a:r>
          </a:p>
          <a:p>
            <a:pPr algn="ctr"/>
            <a:r>
              <a:rPr lang="de-CH" sz="1400" dirty="0"/>
              <a:t>Sofia</a:t>
            </a:r>
          </a:p>
        </p:txBody>
      </p:sp>
      <p:sp>
        <p:nvSpPr>
          <p:cNvPr id="114" name="Standard Text">
            <a:extLst>
              <a:ext uri="{FF2B5EF4-FFF2-40B4-BE49-F238E27FC236}">
                <a16:creationId xmlns:a16="http://schemas.microsoft.com/office/drawing/2014/main" id="{11068ADA-74CE-6F04-8F7E-DBE8C0AD6C4E}"/>
              </a:ext>
            </a:extLst>
          </p:cNvPr>
          <p:cNvSpPr txBox="1">
            <a:spLocks/>
          </p:cNvSpPr>
          <p:nvPr/>
        </p:nvSpPr>
        <p:spPr bwMode="gray">
          <a:xfrm>
            <a:off x="4762617" y="4364720"/>
            <a:ext cx="792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Deutschland</a:t>
            </a:r>
          </a:p>
          <a:p>
            <a:pPr algn="ctr"/>
            <a:r>
              <a:rPr lang="de-CH" sz="1400" dirty="0"/>
              <a:t>Frankfurt</a:t>
            </a:r>
            <a:br>
              <a:rPr lang="de-CH" sz="1400" dirty="0"/>
            </a:br>
            <a:r>
              <a:rPr lang="de-CH" sz="1400" dirty="0"/>
              <a:t>Hamburg</a:t>
            </a:r>
            <a:br>
              <a:rPr lang="de-CH" sz="1400" dirty="0"/>
            </a:br>
            <a:r>
              <a:rPr lang="de-CH" sz="1400" dirty="0"/>
              <a:t>Hannover</a:t>
            </a:r>
            <a:br>
              <a:rPr lang="de-CH" sz="1400" dirty="0"/>
            </a:br>
            <a:r>
              <a:rPr lang="de-CH" sz="1400" dirty="0"/>
              <a:t>München </a:t>
            </a:r>
            <a:br>
              <a:rPr lang="de-CH" sz="1400" dirty="0"/>
            </a:br>
            <a:r>
              <a:rPr lang="de-CH" sz="1400" dirty="0"/>
              <a:t>Stuttgart</a:t>
            </a:r>
          </a:p>
        </p:txBody>
      </p:sp>
      <p:sp>
        <p:nvSpPr>
          <p:cNvPr id="115" name="Standard Text">
            <a:extLst>
              <a:ext uri="{FF2B5EF4-FFF2-40B4-BE49-F238E27FC236}">
                <a16:creationId xmlns:a16="http://schemas.microsoft.com/office/drawing/2014/main" id="{E0E408DC-1BEB-18FD-B61F-1C277E7D3D9A}"/>
              </a:ext>
            </a:extLst>
          </p:cNvPr>
          <p:cNvSpPr txBox="1">
            <a:spLocks/>
          </p:cNvSpPr>
          <p:nvPr/>
        </p:nvSpPr>
        <p:spPr bwMode="gray">
          <a:xfrm>
            <a:off x="5601340" y="4364720"/>
            <a:ext cx="936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Großbritannien</a:t>
            </a:r>
          </a:p>
          <a:p>
            <a:pPr algn="ctr"/>
            <a:r>
              <a:rPr lang="de-CH" sz="1400" dirty="0"/>
              <a:t>Edinburgh</a:t>
            </a:r>
            <a:br>
              <a:rPr lang="de-CH" sz="1400" dirty="0"/>
            </a:br>
            <a:r>
              <a:rPr lang="de-CH" sz="1400" dirty="0"/>
              <a:t>London</a:t>
            </a:r>
            <a:br>
              <a:rPr lang="de-CH" sz="1400" dirty="0"/>
            </a:br>
            <a:r>
              <a:rPr lang="de-CH" sz="1400" dirty="0"/>
              <a:t>Manchester</a:t>
            </a:r>
          </a:p>
        </p:txBody>
      </p:sp>
      <p:sp>
        <p:nvSpPr>
          <p:cNvPr id="116" name="Standard Text">
            <a:extLst>
              <a:ext uri="{FF2B5EF4-FFF2-40B4-BE49-F238E27FC236}">
                <a16:creationId xmlns:a16="http://schemas.microsoft.com/office/drawing/2014/main" id="{2F8DC334-788D-1E28-0A1B-25B0A243302B}"/>
              </a:ext>
            </a:extLst>
          </p:cNvPr>
          <p:cNvSpPr txBox="1">
            <a:spLocks/>
          </p:cNvSpPr>
          <p:nvPr/>
        </p:nvSpPr>
        <p:spPr bwMode="gray">
          <a:xfrm>
            <a:off x="6584063" y="4364720"/>
            <a:ext cx="852125"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Hongkong</a:t>
            </a:r>
          </a:p>
          <a:p>
            <a:pPr algn="ctr"/>
            <a:r>
              <a:rPr lang="de-CH" sz="1400" dirty="0"/>
              <a:t>Hongkong</a:t>
            </a:r>
          </a:p>
        </p:txBody>
      </p:sp>
      <p:sp>
        <p:nvSpPr>
          <p:cNvPr id="117" name="Standard Text">
            <a:extLst>
              <a:ext uri="{FF2B5EF4-FFF2-40B4-BE49-F238E27FC236}">
                <a16:creationId xmlns:a16="http://schemas.microsoft.com/office/drawing/2014/main" id="{B149E374-413E-F5DA-4677-99E28064D5C0}"/>
              </a:ext>
            </a:extLst>
          </p:cNvPr>
          <p:cNvSpPr txBox="1">
            <a:spLocks/>
          </p:cNvSpPr>
          <p:nvPr/>
        </p:nvSpPr>
        <p:spPr bwMode="gray">
          <a:xfrm>
            <a:off x="8141634" y="4364720"/>
            <a:ext cx="576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Portugal</a:t>
            </a:r>
          </a:p>
          <a:p>
            <a:pPr algn="ctr"/>
            <a:r>
              <a:rPr lang="de-CH" sz="1400" dirty="0"/>
              <a:t>Porto </a:t>
            </a:r>
          </a:p>
        </p:txBody>
      </p:sp>
      <p:sp>
        <p:nvSpPr>
          <p:cNvPr id="119" name="Standard Text">
            <a:extLst>
              <a:ext uri="{FF2B5EF4-FFF2-40B4-BE49-F238E27FC236}">
                <a16:creationId xmlns:a16="http://schemas.microsoft.com/office/drawing/2014/main" id="{0B6641AE-9EBC-C663-4BF3-EA4E6F08191F}"/>
              </a:ext>
            </a:extLst>
          </p:cNvPr>
          <p:cNvSpPr txBox="1">
            <a:spLocks/>
          </p:cNvSpPr>
          <p:nvPr/>
        </p:nvSpPr>
        <p:spPr bwMode="gray">
          <a:xfrm>
            <a:off x="9459080" y="4364720"/>
            <a:ext cx="648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Serbien</a:t>
            </a:r>
          </a:p>
          <a:p>
            <a:pPr algn="ctr"/>
            <a:r>
              <a:rPr lang="de-CH" sz="1400" dirty="0"/>
              <a:t>Belgrad</a:t>
            </a:r>
          </a:p>
        </p:txBody>
      </p:sp>
      <p:sp>
        <p:nvSpPr>
          <p:cNvPr id="120" name="Standard Text">
            <a:extLst>
              <a:ext uri="{FF2B5EF4-FFF2-40B4-BE49-F238E27FC236}">
                <a16:creationId xmlns:a16="http://schemas.microsoft.com/office/drawing/2014/main" id="{123220A3-80D2-549B-2F18-C31691A89269}"/>
              </a:ext>
            </a:extLst>
          </p:cNvPr>
          <p:cNvSpPr txBox="1">
            <a:spLocks/>
          </p:cNvSpPr>
          <p:nvPr/>
        </p:nvSpPr>
        <p:spPr bwMode="gray">
          <a:xfrm>
            <a:off x="10153803" y="4364720"/>
            <a:ext cx="648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Singapur</a:t>
            </a:r>
          </a:p>
          <a:p>
            <a:pPr algn="ctr"/>
            <a:r>
              <a:rPr lang="de-CH" sz="1400" dirty="0"/>
              <a:t>Singapur </a:t>
            </a:r>
          </a:p>
        </p:txBody>
      </p:sp>
      <p:sp>
        <p:nvSpPr>
          <p:cNvPr id="121" name="Standard Text">
            <a:extLst>
              <a:ext uri="{FF2B5EF4-FFF2-40B4-BE49-F238E27FC236}">
                <a16:creationId xmlns:a16="http://schemas.microsoft.com/office/drawing/2014/main" id="{8395C011-4B5A-A3BF-2824-29B8B2BF3357}"/>
              </a:ext>
            </a:extLst>
          </p:cNvPr>
          <p:cNvSpPr txBox="1">
            <a:spLocks/>
          </p:cNvSpPr>
          <p:nvPr/>
        </p:nvSpPr>
        <p:spPr bwMode="gray">
          <a:xfrm>
            <a:off x="8764357" y="4364720"/>
            <a:ext cx="648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Schweiz</a:t>
            </a:r>
          </a:p>
          <a:p>
            <a:pPr algn="ctr"/>
            <a:r>
              <a:rPr lang="de-CH" sz="1400" dirty="0"/>
              <a:t>Bern</a:t>
            </a:r>
            <a:br>
              <a:rPr lang="de-CH" sz="1400" dirty="0"/>
            </a:br>
            <a:r>
              <a:rPr lang="de-CH" sz="1400" dirty="0"/>
              <a:t>Zürich</a:t>
            </a:r>
          </a:p>
        </p:txBody>
      </p:sp>
      <p:sp>
        <p:nvSpPr>
          <p:cNvPr id="122" name="Standard Text">
            <a:extLst>
              <a:ext uri="{FF2B5EF4-FFF2-40B4-BE49-F238E27FC236}">
                <a16:creationId xmlns:a16="http://schemas.microsoft.com/office/drawing/2014/main" id="{1939D349-FBBE-05F0-CBC5-E011B6ACC049}"/>
              </a:ext>
            </a:extLst>
          </p:cNvPr>
          <p:cNvSpPr txBox="1">
            <a:spLocks/>
          </p:cNvSpPr>
          <p:nvPr/>
        </p:nvSpPr>
        <p:spPr bwMode="gray">
          <a:xfrm>
            <a:off x="10848528" y="4364720"/>
            <a:ext cx="720000" cy="1512000"/>
          </a:xfrm>
          <a:prstGeom prst="rect">
            <a:avLst/>
          </a:prstGeom>
        </p:spPr>
        <p:txBody>
          <a:bodyPr vert="horz" lIns="0" tIns="0" rIns="0" bIns="0" rtlCol="0">
            <a:noAutofit/>
          </a:bodyPr>
          <a:lstStyle>
            <a:defPPr>
              <a:defRPr lang="de-DE"/>
            </a:defPPr>
            <a:lvl1pPr indent="0">
              <a:lnSpc>
                <a:spcPct val="120000"/>
              </a:lnSpc>
              <a:spcBef>
                <a:spcPts val="200"/>
              </a:spcBef>
              <a:spcAft>
                <a:spcPts val="300"/>
              </a:spcAft>
              <a:buFont typeface="Arial" panose="020B0604020202020204" pitchFamily="34" charset="0"/>
              <a:buNone/>
              <a:defRPr sz="1600" b="0" spc="20" baseline="0"/>
            </a:lvl1pPr>
            <a:lvl2pPr marL="0" lvl="1" indent="0">
              <a:lnSpc>
                <a:spcPct val="120000"/>
              </a:lnSpc>
              <a:spcBef>
                <a:spcPts val="1600"/>
              </a:spcBef>
              <a:spcAft>
                <a:spcPts val="300"/>
              </a:spcAft>
              <a:buFont typeface="Arial" panose="020B0604020202020204" pitchFamily="34" charset="0"/>
              <a:buNone/>
              <a:defRPr sz="1600" spc="20" baseline="0">
                <a:latin typeface="+mj-lt"/>
              </a:defRPr>
            </a:lvl2pPr>
            <a:lvl3pPr marL="216000" lvl="2" indent="-216000">
              <a:lnSpc>
                <a:spcPct val="120000"/>
              </a:lnSpc>
              <a:spcBef>
                <a:spcPts val="200"/>
              </a:spcBef>
              <a:spcAft>
                <a:spcPts val="300"/>
              </a:spcAft>
              <a:buFont typeface="Wingdings 2" panose="05020102010507070707" pitchFamily="18" charset="2"/>
              <a:buChar char=""/>
              <a:defRPr sz="1600" spc="20" baseline="0"/>
            </a:lvl3pPr>
            <a:lvl4pPr marL="432000" lvl="3" indent="-216000">
              <a:lnSpc>
                <a:spcPct val="120000"/>
              </a:lnSpc>
              <a:spcBef>
                <a:spcPts val="200"/>
              </a:spcBef>
              <a:spcAft>
                <a:spcPts val="300"/>
              </a:spcAft>
              <a:buFont typeface="Symbol" panose="05050102010706020507" pitchFamily="18" charset="2"/>
              <a:buChar char="-"/>
              <a:defRPr sz="1600" spc="20" baseline="0"/>
            </a:lvl4pPr>
            <a:lvl5pPr marL="648000" lvl="4" indent="-216000">
              <a:lnSpc>
                <a:spcPct val="120000"/>
              </a:lnSpc>
              <a:spcBef>
                <a:spcPts val="200"/>
              </a:spcBef>
              <a:spcAft>
                <a:spcPts val="300"/>
              </a:spcAft>
              <a:buFont typeface="Symbol" panose="05050102010706020507" pitchFamily="18" charset="2"/>
              <a:buChar char="-"/>
              <a:defRPr sz="1600" spc="20" baseline="0"/>
            </a:lvl5pPr>
            <a:lvl6pPr marL="648000" lvl="5" indent="-216000">
              <a:lnSpc>
                <a:spcPct val="120000"/>
              </a:lnSpc>
              <a:spcBef>
                <a:spcPts val="200"/>
              </a:spcBef>
              <a:spcAft>
                <a:spcPts val="300"/>
              </a:spcAft>
              <a:buFont typeface="Symbol" panose="05050102010706020507" pitchFamily="18" charset="2"/>
              <a:buChar char="-"/>
              <a:defRPr sz="1600" spc="20" baseline="0"/>
            </a:lvl6pPr>
            <a:lvl7pPr marL="648000" lvl="6" indent="-216000">
              <a:lnSpc>
                <a:spcPct val="120000"/>
              </a:lnSpc>
              <a:spcBef>
                <a:spcPts val="200"/>
              </a:spcBef>
              <a:spcAft>
                <a:spcPts val="300"/>
              </a:spcAft>
              <a:buFont typeface="Symbol" panose="05050102010706020507" pitchFamily="18" charset="2"/>
              <a:buChar char="-"/>
              <a:defRPr sz="1600" spc="20" baseline="0"/>
            </a:lvl7pPr>
            <a:lvl8pPr marL="648000" lvl="7" indent="-216000">
              <a:lnSpc>
                <a:spcPct val="120000"/>
              </a:lnSpc>
              <a:spcBef>
                <a:spcPts val="200"/>
              </a:spcBef>
              <a:spcAft>
                <a:spcPts val="300"/>
              </a:spcAft>
              <a:buFont typeface="Symbol" panose="05050102010706020507" pitchFamily="18" charset="2"/>
              <a:buChar char="-"/>
              <a:defRPr sz="1600" spc="20" baseline="0"/>
            </a:lvl8pPr>
            <a:lvl9pPr marL="648000" lvl="8" indent="-216000">
              <a:lnSpc>
                <a:spcPct val="120000"/>
              </a:lnSpc>
              <a:spcBef>
                <a:spcPts val="200"/>
              </a:spcBef>
              <a:spcAft>
                <a:spcPts val="300"/>
              </a:spcAft>
              <a:buFont typeface="Symbol" panose="05050102010706020507" pitchFamily="18" charset="2"/>
              <a:buChar char="-"/>
              <a:defRPr sz="1600" spc="20" baseline="0"/>
            </a:lvl9pPr>
          </a:lstStyle>
          <a:p>
            <a:pPr lvl="1" algn="ctr"/>
            <a:r>
              <a:rPr lang="de-CH" sz="1000" dirty="0"/>
              <a:t>Vietnam</a:t>
            </a:r>
          </a:p>
          <a:p>
            <a:pPr algn="ctr"/>
            <a:r>
              <a:rPr lang="de-CH" sz="1400" dirty="0"/>
              <a:t>Ho-Chi-Minh-Stadt</a:t>
            </a:r>
          </a:p>
        </p:txBody>
      </p:sp>
    </p:spTree>
    <p:custDataLst>
      <p:custData r:id="rId1"/>
      <p:custData r:id="rId2"/>
    </p:custDataLst>
    <p:extLst>
      <p:ext uri="{BB962C8B-B14F-4D97-AF65-F5344CB8AC3E}">
        <p14:creationId xmlns:p14="http://schemas.microsoft.com/office/powerpoint/2010/main" val="2794300905"/>
      </p:ext>
    </p:extLst>
  </p:cSld>
  <p:clrMapOvr>
    <a:masterClrMapping/>
  </p:clrMapOvr>
  <p:transition spd="slow">
    <p:push dir="u"/>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C215AD1-6C0C-2EDA-DC81-C518D7AD505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571ACCDB-4472-F931-BCF2-E035E996685D}"/>
              </a:ext>
            </a:extLst>
          </p:cNvPr>
          <p:cNvSpPr>
            <a:spLocks noGrp="1"/>
          </p:cNvSpPr>
          <p:nvPr>
            <p:ph type="title"/>
          </p:nvPr>
        </p:nvSpPr>
        <p:spPr/>
        <p:txBody>
          <a:bodyPr/>
          <a:lstStyle/>
          <a:p>
            <a:r>
              <a:rPr lang="de-CH" dirty="0"/>
              <a:t>Ziele Workshop</a:t>
            </a:r>
          </a:p>
        </p:txBody>
      </p:sp>
      <p:sp>
        <p:nvSpPr>
          <p:cNvPr id="4" name="Subtitle 3">
            <a:extLst>
              <a:ext uri="{FF2B5EF4-FFF2-40B4-BE49-F238E27FC236}">
                <a16:creationId xmlns:a16="http://schemas.microsoft.com/office/drawing/2014/main" id="{13DA5A11-329B-883A-AAD2-CB30BA2ADA5F}"/>
              </a:ext>
            </a:extLst>
          </p:cNvPr>
          <p:cNvSpPr>
            <a:spLocks noGrp="1"/>
          </p:cNvSpPr>
          <p:nvPr>
            <p:ph type="subTitle" idx="17"/>
          </p:nvPr>
        </p:nvSpPr>
        <p:spPr/>
        <p:txBody>
          <a:bodyPr/>
          <a:lstStyle/>
          <a:p>
            <a:endParaRPr lang="en-CH" dirty="0"/>
          </a:p>
        </p:txBody>
      </p:sp>
      <p:sp>
        <p:nvSpPr>
          <p:cNvPr id="5" name="Content Placeholder 4">
            <a:extLst>
              <a:ext uri="{FF2B5EF4-FFF2-40B4-BE49-F238E27FC236}">
                <a16:creationId xmlns:a16="http://schemas.microsoft.com/office/drawing/2014/main" id="{878CACB2-8B97-54C3-7498-3266F8EE3B82}"/>
              </a:ext>
            </a:extLst>
          </p:cNvPr>
          <p:cNvSpPr>
            <a:spLocks noGrp="1"/>
          </p:cNvSpPr>
          <p:nvPr>
            <p:ph idx="1"/>
          </p:nvPr>
        </p:nvSpPr>
        <p:spPr/>
        <p:txBody>
          <a:bodyPr/>
          <a:lstStyle/>
          <a:p>
            <a:pPr marL="285750" indent="-285750">
              <a:buFont typeface="Arial" panose="020B0604020202020204" pitchFamily="34" charset="0"/>
              <a:buChar char="•"/>
            </a:pPr>
            <a:r>
              <a:rPr lang="de-CH" dirty="0"/>
              <a:t>Verschiedene Möglichkeiten von Spring Security kennenlernen</a:t>
            </a:r>
          </a:p>
          <a:p>
            <a:pPr marL="285750" indent="-285750">
              <a:buFont typeface="Arial" panose="020B0604020202020204" pitchFamily="34" charset="0"/>
              <a:buChar char="•"/>
            </a:pPr>
            <a:r>
              <a:rPr lang="de-CH" dirty="0"/>
              <a:t>“Best Practices” Spring Security Konfiguration und häufigste Fehler</a:t>
            </a:r>
          </a:p>
          <a:p>
            <a:pPr marL="285750" indent="-285750">
              <a:buFont typeface="Arial" panose="020B0604020202020204" pitchFamily="34" charset="0"/>
              <a:buChar char="•"/>
            </a:pPr>
            <a:r>
              <a:rPr lang="de-CH" dirty="0"/>
              <a:t>Selbst verschiedene Konfigurationen duchspielen</a:t>
            </a:r>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a:p>
            <a:pPr marL="285750" indent="-285750">
              <a:buFont typeface="Symbol" panose="05050102010706020507" pitchFamily="18" charset="2"/>
              <a:buChar char="Þ"/>
            </a:pPr>
            <a:r>
              <a:rPr lang="de-CH" dirty="0"/>
              <a:t>Gibt es speziell wichtige Themen?</a:t>
            </a:r>
          </a:p>
          <a:p>
            <a:pPr marL="285750" indent="-285750">
              <a:buFont typeface="Symbol" panose="05050102010706020507" pitchFamily="18" charset="2"/>
              <a:buChar char="Þ"/>
            </a:pPr>
            <a:endParaRPr lang="de-CH" dirty="0"/>
          </a:p>
        </p:txBody>
      </p:sp>
      <p:sp>
        <p:nvSpPr>
          <p:cNvPr id="6" name="Date Placeholder 5">
            <a:extLst>
              <a:ext uri="{FF2B5EF4-FFF2-40B4-BE49-F238E27FC236}">
                <a16:creationId xmlns:a16="http://schemas.microsoft.com/office/drawing/2014/main" id="{53244E98-1DB8-9B09-70B8-F198B0382F7B}"/>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8093A4FE-588D-FB32-C573-E7D84BD4E34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4B1DC3C8-8256-5DE1-6957-CBC2AD003986}"/>
              </a:ext>
            </a:extLst>
          </p:cNvPr>
          <p:cNvSpPr>
            <a:spLocks noGrp="1"/>
          </p:cNvSpPr>
          <p:nvPr>
            <p:ph type="sldNum" sz="quarter" idx="20"/>
          </p:nvPr>
        </p:nvSpPr>
        <p:spPr/>
        <p:txBody>
          <a:bodyPr/>
          <a:lstStyle/>
          <a:p>
            <a:r>
              <a:rPr lang="de-CH"/>
              <a:t>| </a:t>
            </a:r>
            <a:fld id="{8CF9DE7D-F270-4E16-BA04-5BCA8969A2EA}" type="slidenum">
              <a:rPr lang="de-CH" smtClean="0"/>
              <a:pPr/>
              <a:t>5</a:t>
            </a:fld>
            <a:endParaRPr lang="de-CH" dirty="0"/>
          </a:p>
        </p:txBody>
      </p:sp>
    </p:spTree>
    <p:extLst>
      <p:ext uri="{BB962C8B-B14F-4D97-AF65-F5344CB8AC3E}">
        <p14:creationId xmlns:p14="http://schemas.microsoft.com/office/powerpoint/2010/main" val="370867381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C215AD1-6C0C-2EDA-DC81-C518D7AD505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571ACCDB-4472-F931-BCF2-E035E996685D}"/>
              </a:ext>
            </a:extLst>
          </p:cNvPr>
          <p:cNvSpPr>
            <a:spLocks noGrp="1"/>
          </p:cNvSpPr>
          <p:nvPr>
            <p:ph type="title"/>
          </p:nvPr>
        </p:nvSpPr>
        <p:spPr/>
        <p:txBody>
          <a:bodyPr/>
          <a:lstStyle/>
          <a:p>
            <a:r>
              <a:rPr lang="en-US" dirty="0"/>
              <a:t>Agenda</a:t>
            </a:r>
            <a:endParaRPr lang="en-CH" dirty="0"/>
          </a:p>
        </p:txBody>
      </p:sp>
      <p:sp>
        <p:nvSpPr>
          <p:cNvPr id="4" name="Subtitle 3">
            <a:extLst>
              <a:ext uri="{FF2B5EF4-FFF2-40B4-BE49-F238E27FC236}">
                <a16:creationId xmlns:a16="http://schemas.microsoft.com/office/drawing/2014/main" id="{13DA5A11-329B-883A-AAD2-CB30BA2ADA5F}"/>
              </a:ext>
            </a:extLst>
          </p:cNvPr>
          <p:cNvSpPr>
            <a:spLocks noGrp="1"/>
          </p:cNvSpPr>
          <p:nvPr>
            <p:ph type="subTitle" idx="17"/>
          </p:nvPr>
        </p:nvSpPr>
        <p:spPr/>
        <p:txBody>
          <a:bodyPr/>
          <a:lstStyle/>
          <a:p>
            <a:endParaRPr lang="en-CH"/>
          </a:p>
        </p:txBody>
      </p:sp>
      <p:sp>
        <p:nvSpPr>
          <p:cNvPr id="5" name="Content Placeholder 4">
            <a:extLst>
              <a:ext uri="{FF2B5EF4-FFF2-40B4-BE49-F238E27FC236}">
                <a16:creationId xmlns:a16="http://schemas.microsoft.com/office/drawing/2014/main" id="{878CACB2-8B97-54C3-7498-3266F8EE3B82}"/>
              </a:ext>
            </a:extLst>
          </p:cNvPr>
          <p:cNvSpPr>
            <a:spLocks noGrp="1"/>
          </p:cNvSpPr>
          <p:nvPr>
            <p:ph idx="1"/>
          </p:nvPr>
        </p:nvSpPr>
        <p:spPr/>
        <p:txBody>
          <a:bodyPr/>
          <a:lstStyle/>
          <a:p>
            <a:pPr marL="285750" indent="-285750">
              <a:buFont typeface="Arial" panose="020B0604020202020204" pitchFamily="34" charset="0"/>
              <a:buChar char="•"/>
            </a:pPr>
            <a:r>
              <a:rPr lang="en-US" dirty="0"/>
              <a:t>Spring und Spring Security</a:t>
            </a:r>
          </a:p>
          <a:p>
            <a:pPr marL="285750" indent="-285750">
              <a:buFont typeface="Arial" panose="020B0604020202020204" pitchFamily="34" charset="0"/>
              <a:buChar char="•"/>
            </a:pPr>
            <a:r>
              <a:rPr lang="en-US" dirty="0"/>
              <a:t>Spring Security </a:t>
            </a:r>
            <a:r>
              <a:rPr lang="de-CH" dirty="0"/>
              <a:t>Konfigurieren</a:t>
            </a:r>
          </a:p>
          <a:p>
            <a:pPr marL="285750" indent="-285750">
              <a:buFont typeface="Arial" panose="020B0604020202020204" pitchFamily="34" charset="0"/>
              <a:buChar char="•"/>
            </a:pPr>
            <a:r>
              <a:rPr lang="en-US" dirty="0"/>
              <a:t>Authentication, Authorization und Protection</a:t>
            </a:r>
          </a:p>
          <a:p>
            <a:pPr marL="285750" indent="-285750">
              <a:buFont typeface="Arial" panose="020B0604020202020204" pitchFamily="34" charset="0"/>
              <a:buChar char="•"/>
            </a:pPr>
            <a:r>
              <a:rPr lang="en-US" dirty="0"/>
              <a:t>OIDC</a:t>
            </a:r>
          </a:p>
          <a:p>
            <a:pPr marL="285750" indent="-285750">
              <a:buFont typeface="Arial" panose="020B0604020202020204" pitchFamily="34" charset="0"/>
              <a:buChar char="•"/>
            </a:pPr>
            <a:endParaRPr lang="en-US" dirty="0"/>
          </a:p>
          <a:p>
            <a:r>
              <a:rPr lang="en-US" dirty="0"/>
              <a:t>Pause </a:t>
            </a:r>
            <a:r>
              <a:rPr lang="en-US" dirty="0" err="1"/>
              <a:t>nach</a:t>
            </a:r>
            <a:r>
              <a:rPr lang="en-US" dirty="0"/>
              <a:t> ca. 90 </a:t>
            </a:r>
            <a:r>
              <a:rPr lang="en-US" dirty="0" err="1"/>
              <a:t>Minuten</a:t>
            </a:r>
            <a:r>
              <a:rPr lang="en-US" dirty="0"/>
              <a:t>?</a:t>
            </a:r>
          </a:p>
          <a:p>
            <a:endParaRPr lang="en-CH" dirty="0"/>
          </a:p>
        </p:txBody>
      </p:sp>
      <p:sp>
        <p:nvSpPr>
          <p:cNvPr id="6" name="Date Placeholder 5">
            <a:extLst>
              <a:ext uri="{FF2B5EF4-FFF2-40B4-BE49-F238E27FC236}">
                <a16:creationId xmlns:a16="http://schemas.microsoft.com/office/drawing/2014/main" id="{53244E98-1DB8-9B09-70B8-F198B0382F7B}"/>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8093A4FE-588D-FB32-C573-E7D84BD4E34B}"/>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4B1DC3C8-8256-5DE1-6957-CBC2AD003986}"/>
              </a:ext>
            </a:extLst>
          </p:cNvPr>
          <p:cNvSpPr>
            <a:spLocks noGrp="1"/>
          </p:cNvSpPr>
          <p:nvPr>
            <p:ph type="sldNum" sz="quarter" idx="20"/>
          </p:nvPr>
        </p:nvSpPr>
        <p:spPr/>
        <p:txBody>
          <a:bodyPr/>
          <a:lstStyle/>
          <a:p>
            <a:r>
              <a:rPr lang="de-CH"/>
              <a:t>| </a:t>
            </a:r>
            <a:fld id="{8CF9DE7D-F270-4E16-BA04-5BCA8969A2EA}" type="slidenum">
              <a:rPr lang="de-CH" smtClean="0"/>
              <a:pPr/>
              <a:t>6</a:t>
            </a:fld>
            <a:endParaRPr lang="de-CH" dirty="0"/>
          </a:p>
        </p:txBody>
      </p:sp>
      <p:pic>
        <p:nvPicPr>
          <p:cNvPr id="10" name="Picture 9" descr="Qr code&#10;&#10;Description automatically generated">
            <a:extLst>
              <a:ext uri="{FF2B5EF4-FFF2-40B4-BE49-F238E27FC236}">
                <a16:creationId xmlns:a16="http://schemas.microsoft.com/office/drawing/2014/main" id="{6B5FB20A-ADF2-20F5-E67A-CCA916425AD8}"/>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456040" y="1628800"/>
            <a:ext cx="3865612" cy="3865612"/>
          </a:xfrm>
          <a:prstGeom prst="rect">
            <a:avLst/>
          </a:prstGeom>
        </p:spPr>
      </p:pic>
      <p:sp>
        <p:nvSpPr>
          <p:cNvPr id="12" name="TextBox 11">
            <a:extLst>
              <a:ext uri="{FF2B5EF4-FFF2-40B4-BE49-F238E27FC236}">
                <a16:creationId xmlns:a16="http://schemas.microsoft.com/office/drawing/2014/main" id="{E700EBE3-510B-998E-D668-3C8B8FEF3360}"/>
              </a:ext>
            </a:extLst>
          </p:cNvPr>
          <p:cNvSpPr txBox="1"/>
          <p:nvPr/>
        </p:nvSpPr>
        <p:spPr bwMode="gray">
          <a:xfrm>
            <a:off x="5663952" y="5386789"/>
            <a:ext cx="6179670" cy="369332"/>
          </a:xfrm>
          <a:prstGeom prst="rect">
            <a:avLst/>
          </a:prstGeom>
          <a:noFill/>
        </p:spPr>
        <p:txBody>
          <a:bodyPr wrap="square">
            <a:spAutoFit/>
          </a:bodyPr>
          <a:lstStyle/>
          <a:p>
            <a:r>
              <a:rPr lang="de-CH" dirty="0"/>
              <a:t>https://github.com/lizzyTheLizard/basel-one-spring-security</a:t>
            </a:r>
          </a:p>
        </p:txBody>
      </p:sp>
    </p:spTree>
    <p:extLst>
      <p:ext uri="{BB962C8B-B14F-4D97-AF65-F5344CB8AC3E}">
        <p14:creationId xmlns:p14="http://schemas.microsoft.com/office/powerpoint/2010/main" val="109952996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0C93CFC-8F84-D84D-E9E5-CFEFE6E3B419}"/>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ED528AAF-6285-0A76-25CA-009CA2ED8457}"/>
              </a:ext>
            </a:extLst>
          </p:cNvPr>
          <p:cNvSpPr>
            <a:spLocks noGrp="1"/>
          </p:cNvSpPr>
          <p:nvPr>
            <p:ph type="title"/>
          </p:nvPr>
        </p:nvSpPr>
        <p:spPr/>
        <p:txBody>
          <a:bodyPr/>
          <a:lstStyle/>
          <a:p>
            <a:r>
              <a:rPr lang="en-US" dirty="0"/>
              <a:t>Spring Framework</a:t>
            </a:r>
            <a:endParaRPr lang="en-CH" dirty="0"/>
          </a:p>
        </p:txBody>
      </p:sp>
      <p:sp>
        <p:nvSpPr>
          <p:cNvPr id="4" name="Subtitle 3">
            <a:extLst>
              <a:ext uri="{FF2B5EF4-FFF2-40B4-BE49-F238E27FC236}">
                <a16:creationId xmlns:a16="http://schemas.microsoft.com/office/drawing/2014/main" id="{A08A7DB8-EDB6-0D9D-D016-8FE00CC999ED}"/>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212B9BB7-580F-2556-E8AB-44237C3F1E6B}"/>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B7CA4F6F-A86F-54C7-AA49-88A548437E12}"/>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F5B7BD17-B05E-DE68-8B04-4851DE647A2F}"/>
              </a:ext>
            </a:extLst>
          </p:cNvPr>
          <p:cNvSpPr>
            <a:spLocks noGrp="1"/>
          </p:cNvSpPr>
          <p:nvPr>
            <p:ph type="sldNum" sz="quarter" idx="20"/>
          </p:nvPr>
        </p:nvSpPr>
        <p:spPr/>
        <p:txBody>
          <a:bodyPr/>
          <a:lstStyle/>
          <a:p>
            <a:r>
              <a:rPr lang="de-CH"/>
              <a:t>| </a:t>
            </a:r>
            <a:fld id="{8CF9DE7D-F270-4E16-BA04-5BCA8969A2EA}" type="slidenum">
              <a:rPr lang="de-CH" smtClean="0"/>
              <a:pPr/>
              <a:t>7</a:t>
            </a:fld>
            <a:endParaRPr lang="de-CH" dirty="0"/>
          </a:p>
        </p:txBody>
      </p:sp>
      <p:pic>
        <p:nvPicPr>
          <p:cNvPr id="1026" name="Picture 2">
            <a:extLst>
              <a:ext uri="{FF2B5EF4-FFF2-40B4-BE49-F238E27FC236}">
                <a16:creationId xmlns:a16="http://schemas.microsoft.com/office/drawing/2014/main" id="{194D4213-4E0C-1FF8-415F-BBCC1AAA51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870920" y="1792377"/>
            <a:ext cx="4367808" cy="1123801"/>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Spring Boot: The Most Notable Features You Should Know ...">
            <a:extLst>
              <a:ext uri="{FF2B5EF4-FFF2-40B4-BE49-F238E27FC236}">
                <a16:creationId xmlns:a16="http://schemas.microsoft.com/office/drawing/2014/main" id="{12506B52-0CB3-98E1-970F-DA2213C5927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39417" y="3658768"/>
            <a:ext cx="1872208" cy="1679738"/>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Spring | Projects">
            <a:extLst>
              <a:ext uri="{FF2B5EF4-FFF2-40B4-BE49-F238E27FC236}">
                <a16:creationId xmlns:a16="http://schemas.microsoft.com/office/drawing/2014/main" id="{C0C4A59C-AA7D-8187-C585-350043D0F734}"/>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616280" y="3517406"/>
            <a:ext cx="1305694" cy="18211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30025964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5743DB69-9B68-455E-8BBA-AE7D33E48A7F}"/>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7811F218-8A85-0955-CDC7-D3549B57D52F}"/>
              </a:ext>
            </a:extLst>
          </p:cNvPr>
          <p:cNvSpPr>
            <a:spLocks noGrp="1"/>
          </p:cNvSpPr>
          <p:nvPr>
            <p:ph type="title"/>
          </p:nvPr>
        </p:nvSpPr>
        <p:spPr/>
        <p:txBody>
          <a:bodyPr/>
          <a:lstStyle/>
          <a:p>
            <a:r>
              <a:rPr lang="en-US" dirty="0"/>
              <a:t>Spring Security</a:t>
            </a:r>
            <a:endParaRPr lang="en-CH" dirty="0"/>
          </a:p>
        </p:txBody>
      </p:sp>
      <p:sp>
        <p:nvSpPr>
          <p:cNvPr id="4" name="Subtitle 3">
            <a:extLst>
              <a:ext uri="{FF2B5EF4-FFF2-40B4-BE49-F238E27FC236}">
                <a16:creationId xmlns:a16="http://schemas.microsoft.com/office/drawing/2014/main" id="{9AF49DBE-A6C2-CAFF-A994-C320DECEB7B5}"/>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4F89C379-A9FB-762F-12C1-EADA53DEEA3A}"/>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83670B25-3BF4-CC6F-A1CF-1B0A6EBC13BE}"/>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7CFB1A29-4EEC-7A1A-CE49-39A54C97146F}"/>
              </a:ext>
            </a:extLst>
          </p:cNvPr>
          <p:cNvSpPr>
            <a:spLocks noGrp="1"/>
          </p:cNvSpPr>
          <p:nvPr>
            <p:ph type="sldNum" sz="quarter" idx="20"/>
          </p:nvPr>
        </p:nvSpPr>
        <p:spPr/>
        <p:txBody>
          <a:bodyPr/>
          <a:lstStyle/>
          <a:p>
            <a:r>
              <a:rPr lang="de-CH"/>
              <a:t>| </a:t>
            </a:r>
            <a:fld id="{8CF9DE7D-F270-4E16-BA04-5BCA8969A2EA}" type="slidenum">
              <a:rPr lang="de-CH" smtClean="0"/>
              <a:pPr/>
              <a:t>8</a:t>
            </a:fld>
            <a:endParaRPr lang="de-CH" dirty="0"/>
          </a:p>
        </p:txBody>
      </p:sp>
      <p:pic>
        <p:nvPicPr>
          <p:cNvPr id="11" name="Picture 10">
            <a:extLst>
              <a:ext uri="{FF2B5EF4-FFF2-40B4-BE49-F238E27FC236}">
                <a16:creationId xmlns:a16="http://schemas.microsoft.com/office/drawing/2014/main" id="{700724DE-B4B8-6AE2-7A57-12940CDB2D38}"/>
              </a:ext>
            </a:extLst>
          </p:cNvPr>
          <p:cNvPicPr>
            <a:picLocks noChangeAspect="1"/>
          </p:cNvPicPr>
          <p:nvPr/>
        </p:nvPicPr>
        <p:blipFill>
          <a:blip r:embed="rId2"/>
          <a:stretch>
            <a:fillRect/>
          </a:stretch>
        </p:blipFill>
        <p:spPr>
          <a:xfrm>
            <a:off x="2423592" y="1359191"/>
            <a:ext cx="6912768" cy="4571666"/>
          </a:xfrm>
          <a:prstGeom prst="rect">
            <a:avLst/>
          </a:prstGeom>
        </p:spPr>
      </p:pic>
      <p:sp>
        <p:nvSpPr>
          <p:cNvPr id="12" name="TextBox 11">
            <a:extLst>
              <a:ext uri="{FF2B5EF4-FFF2-40B4-BE49-F238E27FC236}">
                <a16:creationId xmlns:a16="http://schemas.microsoft.com/office/drawing/2014/main" id="{47478239-3F32-5FF2-46E4-74BDE3FEFD20}"/>
              </a:ext>
            </a:extLst>
          </p:cNvPr>
          <p:cNvSpPr txBox="1"/>
          <p:nvPr/>
        </p:nvSpPr>
        <p:spPr bwMode="gray">
          <a:xfrm rot="16200000">
            <a:off x="2745276" y="3786882"/>
            <a:ext cx="1645332" cy="565212"/>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Authentication</a:t>
            </a:r>
            <a:endParaRPr lang="en-CH" sz="2200" spc="20" dirty="0" err="1"/>
          </a:p>
        </p:txBody>
      </p:sp>
      <p:sp>
        <p:nvSpPr>
          <p:cNvPr id="13" name="TextBox 12">
            <a:extLst>
              <a:ext uri="{FF2B5EF4-FFF2-40B4-BE49-F238E27FC236}">
                <a16:creationId xmlns:a16="http://schemas.microsoft.com/office/drawing/2014/main" id="{B2D9FE65-8321-F9A3-509D-B345F63D732F}"/>
              </a:ext>
            </a:extLst>
          </p:cNvPr>
          <p:cNvSpPr txBox="1"/>
          <p:nvPr/>
        </p:nvSpPr>
        <p:spPr bwMode="gray">
          <a:xfrm rot="16200000">
            <a:off x="5128702" y="3835896"/>
            <a:ext cx="1645332" cy="565212"/>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Authorization</a:t>
            </a:r>
            <a:endParaRPr lang="en-CH" sz="2200" spc="20" dirty="0" err="1"/>
          </a:p>
        </p:txBody>
      </p:sp>
      <p:sp>
        <p:nvSpPr>
          <p:cNvPr id="14" name="TextBox 13">
            <a:extLst>
              <a:ext uri="{FF2B5EF4-FFF2-40B4-BE49-F238E27FC236}">
                <a16:creationId xmlns:a16="http://schemas.microsoft.com/office/drawing/2014/main" id="{21BDE166-32EB-6470-9008-B616821AAE96}"/>
              </a:ext>
            </a:extLst>
          </p:cNvPr>
          <p:cNvSpPr txBox="1"/>
          <p:nvPr/>
        </p:nvSpPr>
        <p:spPr bwMode="gray">
          <a:xfrm rot="16200000">
            <a:off x="7500156" y="3609020"/>
            <a:ext cx="1645332" cy="565212"/>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Protection</a:t>
            </a:r>
            <a:endParaRPr lang="en-CH" sz="2200" spc="20" dirty="0" err="1"/>
          </a:p>
        </p:txBody>
      </p:sp>
      <p:sp>
        <p:nvSpPr>
          <p:cNvPr id="16" name="TextBox 15">
            <a:extLst>
              <a:ext uri="{FF2B5EF4-FFF2-40B4-BE49-F238E27FC236}">
                <a16:creationId xmlns:a16="http://schemas.microsoft.com/office/drawing/2014/main" id="{E5352B42-972F-0DCD-E8B1-A346F734968B}"/>
              </a:ext>
            </a:extLst>
          </p:cNvPr>
          <p:cNvSpPr txBox="1"/>
          <p:nvPr/>
        </p:nvSpPr>
        <p:spPr bwMode="gray">
          <a:xfrm>
            <a:off x="6760840" y="5445224"/>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err="1"/>
              <a:t>WebFlux</a:t>
            </a:r>
            <a:endParaRPr lang="en-CH" sz="2200" spc="20" dirty="0" err="1"/>
          </a:p>
        </p:txBody>
      </p:sp>
      <p:sp>
        <p:nvSpPr>
          <p:cNvPr id="17" name="TextBox 16">
            <a:extLst>
              <a:ext uri="{FF2B5EF4-FFF2-40B4-BE49-F238E27FC236}">
                <a16:creationId xmlns:a16="http://schemas.microsoft.com/office/drawing/2014/main" id="{121017B7-EA98-3D70-B2D0-78A8C0F6D3BE}"/>
              </a:ext>
            </a:extLst>
          </p:cNvPr>
          <p:cNvSpPr txBox="1"/>
          <p:nvPr/>
        </p:nvSpPr>
        <p:spPr bwMode="gray">
          <a:xfrm>
            <a:off x="4552260" y="5470685"/>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MVC</a:t>
            </a:r>
            <a:endParaRPr lang="en-CH" sz="2200" spc="20" dirty="0" err="1"/>
          </a:p>
        </p:txBody>
      </p:sp>
      <p:sp>
        <p:nvSpPr>
          <p:cNvPr id="18" name="TextBox 17">
            <a:extLst>
              <a:ext uri="{FF2B5EF4-FFF2-40B4-BE49-F238E27FC236}">
                <a16:creationId xmlns:a16="http://schemas.microsoft.com/office/drawing/2014/main" id="{D1A1BEEC-3E64-AC94-B5F1-62D8C56105D9}"/>
              </a:ext>
            </a:extLst>
          </p:cNvPr>
          <p:cNvSpPr txBox="1"/>
          <p:nvPr/>
        </p:nvSpPr>
        <p:spPr bwMode="gray">
          <a:xfrm>
            <a:off x="4925819" y="1956116"/>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en-US" sz="2200" spc="20" dirty="0"/>
              <a:t>Spring Security</a:t>
            </a:r>
            <a:endParaRPr lang="en-CH" sz="2200" spc="20" dirty="0" err="1"/>
          </a:p>
        </p:txBody>
      </p:sp>
    </p:spTree>
    <p:extLst>
      <p:ext uri="{BB962C8B-B14F-4D97-AF65-F5344CB8AC3E}">
        <p14:creationId xmlns:p14="http://schemas.microsoft.com/office/powerpoint/2010/main" val="175969374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A625196-A6B8-D244-7A47-43CA9672D566}"/>
              </a:ext>
            </a:extLst>
          </p:cNvPr>
          <p:cNvSpPr>
            <a:spLocks noGrp="1"/>
          </p:cNvSpPr>
          <p:nvPr>
            <p:ph type="body" sz="quarter" idx="15"/>
          </p:nvPr>
        </p:nvSpPr>
        <p:spPr/>
        <p:txBody>
          <a:bodyPr/>
          <a:lstStyle/>
          <a:p>
            <a:endParaRPr lang="en-CH"/>
          </a:p>
        </p:txBody>
      </p:sp>
      <p:sp>
        <p:nvSpPr>
          <p:cNvPr id="3" name="Title 2">
            <a:extLst>
              <a:ext uri="{FF2B5EF4-FFF2-40B4-BE49-F238E27FC236}">
                <a16:creationId xmlns:a16="http://schemas.microsoft.com/office/drawing/2014/main" id="{494889CD-B909-3806-1BEB-7E8D68F4688D}"/>
              </a:ext>
            </a:extLst>
          </p:cNvPr>
          <p:cNvSpPr>
            <a:spLocks noGrp="1"/>
          </p:cNvSpPr>
          <p:nvPr>
            <p:ph type="title"/>
          </p:nvPr>
        </p:nvSpPr>
        <p:spPr/>
        <p:txBody>
          <a:bodyPr/>
          <a:lstStyle/>
          <a:p>
            <a:r>
              <a:rPr lang="en-US" dirty="0"/>
              <a:t>Java Servlet API</a:t>
            </a:r>
            <a:endParaRPr lang="en-CH" dirty="0"/>
          </a:p>
        </p:txBody>
      </p:sp>
      <p:sp>
        <p:nvSpPr>
          <p:cNvPr id="4" name="Subtitle 3">
            <a:extLst>
              <a:ext uri="{FF2B5EF4-FFF2-40B4-BE49-F238E27FC236}">
                <a16:creationId xmlns:a16="http://schemas.microsoft.com/office/drawing/2014/main" id="{9BA5523B-1072-9A1A-3A95-E14A4289D89D}"/>
              </a:ext>
            </a:extLst>
          </p:cNvPr>
          <p:cNvSpPr>
            <a:spLocks noGrp="1"/>
          </p:cNvSpPr>
          <p:nvPr>
            <p:ph type="subTitle" idx="17"/>
          </p:nvPr>
        </p:nvSpPr>
        <p:spPr/>
        <p:txBody>
          <a:bodyPr/>
          <a:lstStyle/>
          <a:p>
            <a:endParaRPr lang="en-CH"/>
          </a:p>
        </p:txBody>
      </p:sp>
      <p:sp>
        <p:nvSpPr>
          <p:cNvPr id="6" name="Date Placeholder 5">
            <a:extLst>
              <a:ext uri="{FF2B5EF4-FFF2-40B4-BE49-F238E27FC236}">
                <a16:creationId xmlns:a16="http://schemas.microsoft.com/office/drawing/2014/main" id="{84E6EAF0-84E8-B36D-0BEF-102C8F3E10AE}"/>
              </a:ext>
            </a:extLst>
          </p:cNvPr>
          <p:cNvSpPr>
            <a:spLocks noGrp="1"/>
          </p:cNvSpPr>
          <p:nvPr>
            <p:ph type="dt" sz="half" idx="18"/>
          </p:nvPr>
        </p:nvSpPr>
        <p:spPr/>
        <p:txBody>
          <a:bodyPr/>
          <a:lstStyle/>
          <a:p>
            <a:fld id="{74C11F21-6096-4A64-B487-7ED934E37665}" type="datetime1">
              <a:rPr lang="de-CH" smtClean="0"/>
              <a:t>20.10.2022</a:t>
            </a:fld>
            <a:endParaRPr lang="de-CH"/>
          </a:p>
        </p:txBody>
      </p:sp>
      <p:sp>
        <p:nvSpPr>
          <p:cNvPr id="7" name="Footer Placeholder 6">
            <a:extLst>
              <a:ext uri="{FF2B5EF4-FFF2-40B4-BE49-F238E27FC236}">
                <a16:creationId xmlns:a16="http://schemas.microsoft.com/office/drawing/2014/main" id="{455E606D-DF2C-6175-574E-C46225DA3978}"/>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2A9A8F63-39FA-962E-AB7D-9913F322A58E}"/>
              </a:ext>
            </a:extLst>
          </p:cNvPr>
          <p:cNvSpPr>
            <a:spLocks noGrp="1"/>
          </p:cNvSpPr>
          <p:nvPr>
            <p:ph type="sldNum" sz="quarter" idx="20"/>
          </p:nvPr>
        </p:nvSpPr>
        <p:spPr/>
        <p:txBody>
          <a:bodyPr/>
          <a:lstStyle/>
          <a:p>
            <a:r>
              <a:rPr lang="de-CH"/>
              <a:t>| </a:t>
            </a:r>
            <a:fld id="{8CF9DE7D-F270-4E16-BA04-5BCA8969A2EA}" type="slidenum">
              <a:rPr lang="de-CH" smtClean="0"/>
              <a:pPr/>
              <a:t>9</a:t>
            </a:fld>
            <a:endParaRPr lang="de-CH" dirty="0"/>
          </a:p>
        </p:txBody>
      </p:sp>
      <p:pic>
        <p:nvPicPr>
          <p:cNvPr id="12" name="Content Placeholder 11">
            <a:extLst>
              <a:ext uri="{FF2B5EF4-FFF2-40B4-BE49-F238E27FC236}">
                <a16:creationId xmlns:a16="http://schemas.microsoft.com/office/drawing/2014/main" id="{8C46D64F-2713-58E5-1AE3-249451ABACC1}"/>
              </a:ext>
            </a:extLst>
          </p:cNvPr>
          <p:cNvPicPr>
            <a:picLocks noGrp="1" noChangeAspect="1"/>
          </p:cNvPicPr>
          <p:nvPr>
            <p:ph idx="1"/>
          </p:nvPr>
        </p:nvPicPr>
        <p:blipFill>
          <a:blip r:embed="rId3"/>
          <a:stretch>
            <a:fillRect/>
          </a:stretch>
        </p:blipFill>
        <p:spPr>
          <a:xfrm>
            <a:off x="4342907" y="1484784"/>
            <a:ext cx="3216922" cy="4535488"/>
          </a:xfrm>
          <a:prstGeom prst="rect">
            <a:avLst/>
          </a:prstGeom>
        </p:spPr>
      </p:pic>
    </p:spTree>
    <p:extLst>
      <p:ext uri="{BB962C8B-B14F-4D97-AF65-F5344CB8AC3E}">
        <p14:creationId xmlns:p14="http://schemas.microsoft.com/office/powerpoint/2010/main" val="368780941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Date"/>
</p:tagLst>
</file>

<file path=ppt/tags/tag11.xml><?xml version="1.0" encoding="utf-8"?>
<p:tagLst xmlns:a="http://schemas.openxmlformats.org/drawingml/2006/main" xmlns:r="http://schemas.openxmlformats.org/officeDocument/2006/relationships" xmlns:p="http://schemas.openxmlformats.org/presentationml/2006/main">
  <p:tag name="SHAPETYPE" val="Date"/>
</p:tagLst>
</file>

<file path=ppt/tags/tag12.xml><?xml version="1.0" encoding="utf-8"?>
<p:tagLst xmlns:a="http://schemas.openxmlformats.org/drawingml/2006/main" xmlns:r="http://schemas.openxmlformats.org/officeDocument/2006/relationships" xmlns:p="http://schemas.openxmlformats.org/presentationml/2006/main">
  <p:tag name="SHAPETYPE" val="Copyright"/>
</p:tagLst>
</file>

<file path=ppt/tags/tag13.xml><?xml version="1.0" encoding="utf-8"?>
<p:tagLst xmlns:a="http://schemas.openxmlformats.org/drawingml/2006/main" xmlns:r="http://schemas.openxmlformats.org/officeDocument/2006/relationships" xmlns:p="http://schemas.openxmlformats.org/presentationml/2006/main">
  <p:tag name="SHAPETYPE" val="Date"/>
</p:tagLst>
</file>

<file path=ppt/tags/tag14.xml><?xml version="1.0" encoding="utf-8"?>
<p:tagLst xmlns:a="http://schemas.openxmlformats.org/drawingml/2006/main" xmlns:r="http://schemas.openxmlformats.org/officeDocument/2006/relationships" xmlns:p="http://schemas.openxmlformats.org/presentationml/2006/main">
  <p:tag name="SHAPETYPE" val="Date"/>
</p:tagLst>
</file>

<file path=ppt/tags/tag15.xml><?xml version="1.0" encoding="utf-8"?>
<p:tagLst xmlns:a="http://schemas.openxmlformats.org/drawingml/2006/main" xmlns:r="http://schemas.openxmlformats.org/officeDocument/2006/relationships" xmlns:p="http://schemas.openxmlformats.org/presentationml/2006/main">
  <p:tag name="SHAPETYPE" val="Copyright"/>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3.xml><?xml version="1.0" encoding="utf-8"?>
<p:tagLst xmlns:a="http://schemas.openxmlformats.org/drawingml/2006/main" xmlns:r="http://schemas.openxmlformats.org/officeDocument/2006/relationships" xmlns:p="http://schemas.openxmlformats.org/presentationml/2006/main">
  <p:tag name="SHAPETYPE" val="Date"/>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Copyright"/>
</p:tagLst>
</file>

<file path=ppt/tags/tag6.xml><?xml version="1.0" encoding="utf-8"?>
<p:tagLst xmlns:a="http://schemas.openxmlformats.org/drawingml/2006/main" xmlns:r="http://schemas.openxmlformats.org/officeDocument/2006/relationships" xmlns:p="http://schemas.openxmlformats.org/presentationml/2006/main">
  <p:tag name="SHAPETYPE" val="Date"/>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Date"/>
</p:tagLst>
</file>

<file path=ppt/tags/tag9.xml><?xml version="1.0" encoding="utf-8"?>
<p:tagLst xmlns:a="http://schemas.openxmlformats.org/drawingml/2006/main" xmlns:r="http://schemas.openxmlformats.org/officeDocument/2006/relationships" xmlns:p="http://schemas.openxmlformats.org/presentationml/2006/main">
  <p:tag name="SHAPETYPE" val="Copyright"/>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required":false,"placeholder":"","lines":1,"shareValue":false,"type":"textBox","name":"Title","label":"Title of the presentation"},{"required":false,"placeholder":"","lines":1,"shareValue":false,"type":"textBox","name":"Subline","label":"Subtitle of the presentation"},{"required":false,"shareValue":false,"type":"datePicker","name":"Date","label":"Date"},{"distinct":false,"hideIfNoUserInteractionRequired":false,"required":false,"autoSelectFirstOption":false,"shareValue":false,"type":"dropDown","dataSourceName":"PrivacyInformation","dataSourceFieldName":"PrivacyInformation","name":"Privacy_Information","label":"Privacy"}],"formDataEntries":[{"name":"Title","value":"/XbpO1cinhfKoPB0ASkJlyYbwh+anAqmkFqMejbqlZsCUMhjKQlrnV9bBjYpwaST"},{"name":"Subline","value":"T5Svy9AVT3LMiNsQDNO83g=="},{"name":"Date","value":"setbSjRggHJWGV3y4XHopg=="},{"name":"Privacy_Information","value":"SS0W9a7Msxtj74vRSLg5pFGPNg16z3hLckrjz3UFUok="}]}]]></Templafy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940848047132023","enableDocumentContentUpdater":false,"version":"2.0"}]]></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3.xml><?xml version="1.0" encoding="utf-8"?>
<TemplafySlideTemplateConfiguration><![CDATA[{"slideVersion":1,"isValidatorEnabled":false,"isLocked":false,"elementsMetadata":[],"slideId":"637903650435356294","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TemplateConfiguration><![CDATA[{"slideVersion":1,"isValidatorEnabled":false,"isLocked":false,"elementsMetadata":[],"slideId":"637940848047151033","enableDocumentContentUpdater":false,"version":"2.0"}]]></TemplafySlideTemplateConfiguration>
</file>

<file path=customXml/item9.xml><?xml version="1.0" encoding="utf-8"?>
<TemplafyTemplateConfiguration><![CDATA[{"elementsMetadata":[{"elementConfiguration":{"disableUpdates":false,"type":"text"},"type":"shape","id":"cb2f802d-cea7-469e-a2fc-39ae069b23af"},{"elementConfiguration":{"binding":"{{FormatDateTime(Form.Date,Translate(\"Format_CustomD\",UserProfile.DocumentLanguage.Language.Language),UserProfile.DocumentLanguage.Language.Language)}}","disableUpdates":false,"type":"text"},"type":"shape","id":"d44f3bb7-4338-4f93-8724-c7ebc69a6007"},{"elementConfiguration":{"binding":"{{UserProfile.Name}}","disableUpdates":false,"type":"text"},"type":"shape","id":"01725e5b-17ba-46b5-a89d-9fe4bb16aabb"},{"elementConfiguration":{"binding":"{{Form.Title}}","disableUpdates":false,"type":"text"},"type":"shape","id":"62323ae5-3b13-4615-99bf-b8c2b064cd51"},{"elementConfiguration":{"binding":"{{FormatDateTime(Form.Date,Translate(\"Format_CustomB\",UserProfile.DocumentLanguage.Language.Language),UserProfile.DocumentLanguage.Language.Language)}}","disableUpdates":false,"type":"text"},"type":"shape","id":"b79a476b-bdba-46e9-975d-aa688c97a046"},{"elementConfiguration":{"visibility":"{{IfElse(Equals(Form.Privacy_Information.Name, \"Strictly Confidential\"), VisibilityType.Visible, VisibilityType.Hidden)}}","disableUpdates":false,"type":"text"},"type":"shape","id":"dacf1a03-4b1b-45a6-b06b-a2591e3a7f0c"},{"elementConfiguration":{"visibility":"{{IfElse(Equals(Form.Privacy_Information.Name, \"Restricted\"), VisibilityType.Visible, VisibilityType.Hidden)}}","disableUpdates":false,"type":"text"},"type":"shape","id":"66392279-7bec-4253-84f2-7f6807e6e476"},{"elementConfiguration":{"visibility":"{{IfElse(Equals(Form.Privacy_Information.Name, \"Confidential\"), VisibilityType.Visible, VisibilityType.Hidden)}}","disableUpdates":false,"type":"text"},"type":"shape","id":"985b3e8c-7f26-442c-bdad-59f5e4db69fa"},{"elementConfiguration":{"visibility":"{{IfElse(Equals(Form.Privacy_Information.Name, \"Public\"), VisibilityType.Visible, VisibilityType.Hidden)}}","disableUpdates":false,"type":"text"},"type":"shape","id":"38c58ec9-95e5-4f82-b602-f2ef3ac727c6"},{"elementConfiguration":{"binding":"{{Form.Title}}","disableUpdates":false,"type":"text"},"type":"shape","id":"20a3f25d-48a9-42ed-89fe-024e6b54a13a"},{"elementConfiguration":{"binding":"{{Form.Subline}}","disableUpdates":false,"type":"text"},"type":"shape","id":"f750e883-fd73-4206-ac08-8433fec602db"},{"elementConfiguration":{"visibility":"{{IfElse(Equals(Form.Privacy_Information.Name, \"Strictly Confidential\"), VisibilityType.Visible, VisibilityType.Hidden)}}","disableUpdates":false,"type":"text"},"type":"shape","id":"e92a9162-da88-47f4-9f93-f085db4b2687"},{"elementConfiguration":{"visibility":"{{IfElse(Equals(Form.Privacy_Information.Name, \"Restricted\"), VisibilityType.Visible, VisibilityType.Hidden)}}","disableUpdates":false,"type":"text"},"type":"shape","id":"19b2a432-05a1-4450-a2a1-f4e129c63252"},{"elementConfiguration":{"visibility":"{{IfElse(Equals(Form.Privacy_Information.Name, \"Confidential\"), VisibilityType.Visible, VisibilityType.Hidden)}}","disableUpdates":false,"type":"text"},"type":"shape","id":"72ef224f-6656-4ef4-82e4-431164b54f22"},{"elementConfiguration":{"visibility":"{{IfElse(Equals(Form.Privacy_Information.Name, \"Public\"), VisibilityType.Visible, VisibilityType.Hidden)}}","disableUpdates":false,"type":"text"},"type":"shape","id":"78e0f95e-193b-447f-ab51-58eec91216c7"},{"elementConfiguration":{"visibility":"{{IfElse(Equals(Form.Privacy_Information.Name, \"Strictly Confidential\"), VisibilityType.Visible, VisibilityType.Hidden)}}","disableUpdates":false,"type":"text"},"type":"shape","id":"740ec0ba-a5b9-46eb-acb4-95fbc9f170e1"},{"elementConfiguration":{"visibility":"{{IfElse(Equals(Form.Privacy_Information.Name, \"Restricted\"), VisibilityType.Visible, VisibilityType.Hidden)}}","disableUpdates":false,"type":"text"},"type":"shape","id":"4195a84f-82dc-44e5-bd43-2e053bb2d2ab"},{"elementConfiguration":{"visibility":"{{IfElse(Equals(Form.Privacy_Information.Name, \"Confidential\"), VisibilityType.Visible, VisibilityType.Hidden)}}","disableUpdates":false,"type":"text"},"type":"shape","id":"99e837f9-06c3-411d-a4e6-b9142eca53d2"},{"elementConfiguration":{"visibility":"{{IfElse(Equals(Form.Privacy_Information.Name, \"Public\"), VisibilityType.Visible, VisibilityType.Hidden)}}","disableUpdates":false,"type":"text"},"type":"shape","id":"e811716a-55ae-4ecb-9d2d-90a7ab919265"},{"elementConfiguration":{"disableUpdates":false,"type":"text"},"type":"shape","id":"72d86f09-5db9-4b8b-8928-fa47adac94ce"},{"elementConfiguration":{"binding":"{{FormatDateTime(Form.Date,Translate(\"Format_CustomD\",UserProfile.DocumentLanguage.Language.Language),UserProfile.DocumentLanguage.Language.Language)}}","disableUpdates":false,"type":"text"},"type":"shape","id":"74350099-ec20-468c-a31f-9ff6918b4ada"},{"elementConfiguration":{"binding":"{{Form.Title}}","disableUpdates":false,"type":"text"},"type":"shape","id":"dad55900-d583-4ad8-8ab2-c052870ff0ac"},{"elementConfiguration":{"binding":"{{FormatDateTime(Form.Date,Translate(\"Format_CustomB\",UserProfile.DocumentLanguage.Language.Language),UserProfile.DocumentLanguage.Language.Language)}}","disableUpdates":false,"type":"text"},"type":"shape","id":"bfefba76-ae15-4813-867b-c4fde1787074"},{"elementConfiguration":{"binding":"{{UserProfile.Name}}","disableUpdates":false,"type":"text"},"type":"shape","id":"26f49a33-1e38-408a-9e18-3087c0198a89"},{"elementConfiguration":{"disableUpdates":false,"type":"text"},"type":"shape","id":"1f9a3f8a-637d-444f-80ca-883b7bb51641"},{"elementConfiguration":{"disableUpdates":false,"type":"text"},"type":"shape","id":"91b16e27-bf65-4be8-8851-0c581e2c9253"},{"elementConfiguration":{"binding":"{{FormatDateTime(Form.Date,Translate(\"Format_CustomD\",UserProfile.DocumentLanguage.Language.Language),UserProfile.DocumentLanguage.Language.Language)}}","disableUpdates":false,"type":"text"},"type":"shape","id":"137d11e6-7151-4986-a2e9-18f984bd4ece"},{"elementConfiguration":{"disableUpdates":false,"type":"text"},"type":"shape","id":"a6c35849-69a2-4f9e-83ce-ebf83731e19e"},{"elementConfiguration":{"binding":"{{FormatDateTime(Form.Date,Translate(\"Format_CustomD\",UserProfile.DocumentLanguage.Language.Language),UserProfile.DocumentLanguage.Language.Language)}}","disableUpdates":false,"type":"text"},"type":"shape","id":"ca54c70a-5924-498e-91cb-618706535af8"},{"elementConfiguration":{"binding":"{{Form.Title}}","disableUpdates":false,"type":"text"},"type":"shape","id":"7d324ffc-2a10-45be-8897-71278dc4b98e"},{"elementConfiguration":{"binding":"{{FormatDateTime(Form.Date,Translate(\"Format_CustomB\",UserProfile.DocumentLanguage.Language.Language),UserProfile.DocumentLanguage.Language.Language)}}","disableUpdates":false,"type":"text"},"type":"shape","id":"db3fe9e5-0e31-4e1d-bb2e-c5feebff687e"},{"elementConfiguration":{"binding":"{{Form.Title}}","disableUpdates":false,"type":"text"},"type":"shape","id":"ae16680a-ad3f-4857-865f-5de7cc8dd42d"},{"elementConfiguration":{"binding":"{{Form.Subline}}","disableUpdates":false,"type":"text"},"type":"shape","id":"cd98cee6-33a4-4fc1-b060-b970f1112162"},{"elementConfiguration":{"visibility":"{{IfElse(Equals(Form.Privacy_Information.Name, \"Strictly Confidential\"), VisibilityType.Visible, VisibilityType.Hidden)}}","disableUpdates":false,"type":"text"},"type":"shape","id":"921a2e29-f455-45c3-9751-739cff5665e0"},{"elementConfiguration":{"visibility":"{{IfElse(Equals(Form.Privacy_Information.Name, \"Restricted\"), VisibilityType.Visible, VisibilityType.Hidden)}}","disableUpdates":false,"type":"text"},"type":"shape","id":"5d541a6a-4580-4799-83b8-1927bd12f7ea"},{"elementConfiguration":{"visibility":"{{IfElse(Equals(Form.Privacy_Information.Name, \"Confidential\"), VisibilityType.Visible, VisibilityType.Hidden)}}","disableUpdates":false,"type":"text"},"type":"shape","id":"555c1a49-cc4b-41da-ba36-17d890dd41c2"},{"elementConfiguration":{"visibility":"{{IfElse(Equals(Form.Privacy_Information.Name, \"Public\"), VisibilityType.Visible, VisibilityType.Hidden)}}","disableUpdates":false,"type":"text"},"type":"shape","id":"889786bc-a2fb-4fb2-88db-09b4d2355793"},{"elementConfiguration":{"disableUpdates":false,"type":"text"},"type":"shape","id":"837e29f0-88fd-4cb5-a614-4a21a69fb6bc"},{"elementConfiguration":{"binding":"{{FormatDateTime(Form.Date,Translate(\"Format_CustomD\",UserProfile.DocumentLanguage.Language.Language),UserProfile.DocumentLanguage.Language.Language)}}","disableUpdates":false,"type":"text"},"type":"shape","id":"4122f672-6db7-4391-acbf-6dc59ff586ff"},{"elementConfiguration":{"binding":"{{Form.Title}}","disableUpdates":false,"type":"text"},"type":"shape","id":"d39782ff-f4f6-4330-8a1c-f0a8ba4d0686"},{"elementConfiguration":{"binding":"{{FormatDateTime(Form.Date,Translate(\"Format_CustomB\",UserProfile.DocumentLanguage.Language.Language),UserProfile.DocumentLanguage.Language.Language)}}","disableUpdates":false,"type":"text"},"type":"shape","id":"6c633351-97b7-48ed-8fd7-6d324b4360f1"},{"elementConfiguration":{"visibility":"{{IfElse(Equals(Form.Privacy_Information.Name, \"Strictly Confidential\"), VisibilityType.Visible, VisibilityType.Hidden)}}","disableUpdates":false,"type":"text"},"type":"shape","id":"91d3a083-11c5-4ffe-aafd-d5ee5208d544"},{"elementConfiguration":{"visibility":"{{IfElse(Equals(Form.Privacy_Information.Name, \"Restricted\"), VisibilityType.Visible, VisibilityType.Hidden)}}","disableUpdates":false,"type":"text"},"type":"shape","id":"2b290c73-132d-4077-ba57-679554632817"},{"elementConfiguration":{"visibility":"{{IfElse(Equals(Form.Privacy_Information.Name, \"Confidential\"), VisibilityType.Visible, VisibilityType.Hidden)}}","disableUpdates":false,"type":"text"},"type":"shape","id":"3973319f-14a6-452f-9170-652eec3eadd5"},{"elementConfiguration":{"visibility":"{{IfElse(Equals(Form.Privacy_Information.Name, \"Public\"), VisibilityType.Visible, VisibilityType.Hidden)}}","disableUpdates":false,"type":"text"},"type":"shape","id":"4befcc4b-89e1-4f75-ad8f-1bc2963e6339"}],"transformationConfigurations":[{"language":"{{UserProfile.DocumentLanguage.Language.Language}}","disableUpdates":false,"type":"proofingLanguage"}],"templateName":"zuehlke_blank","templateDescription":"","enableDocumentContentUpdater":true,"version":"2.0"}]]></TemplafyTemplateConfiguration>
</file>

<file path=customXml/itemProps1.xml><?xml version="1.0" encoding="utf-8"?>
<ds:datastoreItem xmlns:ds="http://schemas.openxmlformats.org/officeDocument/2006/customXml" ds:itemID="{A0CB3283-4520-48D0-9091-1EFB3339413D}">
  <ds:schemaRefs/>
</ds:datastoreItem>
</file>

<file path=customXml/itemProps10.xml><?xml version="1.0" encoding="utf-8"?>
<ds:datastoreItem xmlns:ds="http://schemas.openxmlformats.org/officeDocument/2006/customXml" ds:itemID="{BC21ECD9-2739-4EB4-9B40-F09BDC026420}">
  <ds:schemaRefs/>
</ds:datastoreItem>
</file>

<file path=customXml/itemProps11.xml><?xml version="1.0" encoding="utf-8"?>
<ds:datastoreItem xmlns:ds="http://schemas.openxmlformats.org/officeDocument/2006/customXml" ds:itemID="{B1DD9B5E-AC32-464D-B1F4-82A602101B6C}">
  <ds:schemaRefs/>
</ds:datastoreItem>
</file>

<file path=customXml/itemProps2.xml><?xml version="1.0" encoding="utf-8"?>
<ds:datastoreItem xmlns:ds="http://schemas.openxmlformats.org/officeDocument/2006/customXml" ds:itemID="{D19BEC73-69CB-414A-A7BE-653B795EEE32}">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3.xml><?xml version="1.0" encoding="utf-8"?>
<ds:datastoreItem xmlns:ds="http://schemas.openxmlformats.org/officeDocument/2006/customXml" ds:itemID="{EDF8D6CC-1994-43D5-BBB0-4ED9370E50DB}">
  <ds:schemaRefs/>
</ds:datastoreItem>
</file>

<file path=customXml/itemProps4.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5.xml><?xml version="1.0" encoding="utf-8"?>
<ds:datastoreItem xmlns:ds="http://schemas.openxmlformats.org/officeDocument/2006/customXml" ds:itemID="{017A12E0-983F-4DAE-82EE-741B16DB8A80}">
  <ds:schemaRefs/>
</ds:datastoreItem>
</file>

<file path=customXml/itemProps6.xml><?xml version="1.0" encoding="utf-8"?>
<ds:datastoreItem xmlns:ds="http://schemas.openxmlformats.org/officeDocument/2006/customXml" ds:itemID="{9FB1AEE5-DC0D-4156-8EEE-9B4B73CE1536}">
  <ds:schemaRefs/>
</ds:datastoreItem>
</file>

<file path=customXml/itemProps7.xml><?xml version="1.0" encoding="utf-8"?>
<ds:datastoreItem xmlns:ds="http://schemas.openxmlformats.org/officeDocument/2006/customXml" ds:itemID="{D248F8DB-9E28-4225-8775-E011E29A2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5822B366-D741-4E0F-86C5-011A7765F96B}">
  <ds:schemaRefs/>
</ds:datastoreItem>
</file>

<file path=customXml/itemProps9.xml><?xml version="1.0" encoding="utf-8"?>
<ds:datastoreItem xmlns:ds="http://schemas.openxmlformats.org/officeDocument/2006/customXml" ds:itemID="{28C85CB8-C4E2-42B6-9E95-8E3EDB1A7CC4}">
  <ds:schemaRefs/>
</ds:datastoreItem>
</file>

<file path=docProps/app.xml><?xml version="1.0" encoding="utf-8"?>
<Properties xmlns="http://schemas.openxmlformats.org/officeDocument/2006/extended-properties" xmlns:vt="http://schemas.openxmlformats.org/officeDocument/2006/docPropsVTypes">
  <Template>K16_Zuehlke_Master_DE_20220503-VIML0374</Template>
  <TotalTime>0</TotalTime>
  <Words>927</Words>
  <Application>Microsoft Office PowerPoint</Application>
  <PresentationFormat>Widescreen</PresentationFormat>
  <Paragraphs>208</Paragraphs>
  <Slides>19</Slides>
  <Notes>12</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9</vt:i4>
      </vt:variant>
    </vt:vector>
  </HeadingPairs>
  <TitlesOfParts>
    <vt:vector size="26" baseType="lpstr">
      <vt:lpstr>AA Zuehlke</vt:lpstr>
      <vt:lpstr>AA Zuehlke Medium</vt:lpstr>
      <vt:lpstr>AA Zuehlke OTPS</vt:lpstr>
      <vt:lpstr>Arial</vt:lpstr>
      <vt:lpstr>Symbol</vt:lpstr>
      <vt:lpstr>Wingdings 2</vt:lpstr>
      <vt:lpstr>Zühlke Engineering</vt:lpstr>
      <vt:lpstr>PowerPoint Presentation</vt:lpstr>
      <vt:lpstr>PowerPoint Presentation</vt:lpstr>
      <vt:lpstr>PowerPoint Presentation</vt:lpstr>
      <vt:lpstr>PowerPoint Presentation</vt:lpstr>
      <vt:lpstr>Ziele Workshop</vt:lpstr>
      <vt:lpstr>Agenda</vt:lpstr>
      <vt:lpstr>Spring Framework</vt:lpstr>
      <vt:lpstr>Spring Security</vt:lpstr>
      <vt:lpstr>Java Servlet API</vt:lpstr>
      <vt:lpstr>Java Servlet API</vt:lpstr>
      <vt:lpstr>Spring Security Configuration</vt:lpstr>
      <vt:lpstr>Spring Security Configuration</vt:lpstr>
      <vt:lpstr>HttpSecurity</vt:lpstr>
      <vt:lpstr>Authentication</vt:lpstr>
      <vt:lpstr>Authorization</vt:lpstr>
      <vt:lpstr>Protection: CSRF</vt:lpstr>
      <vt:lpstr>Protection: CORS</vt:lpstr>
      <vt:lpstr>OpenID Connect</vt:lpstr>
      <vt:lpstr>OpenID Connect - CodeFlow</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dc:description/>
  <cp:lastModifiedBy>Graf, Matthias</cp:lastModifiedBy>
  <cp:revision>15</cp:revision>
  <dcterms:created xsi:type="dcterms:W3CDTF">2022-10-02T12:45:33Z</dcterms:created>
  <dcterms:modified xsi:type="dcterms:W3CDTF">2022-10-20T06:14:2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2-07-22T11:06:44</vt:lpwstr>
  </property>
  <property fmtid="{D5CDD505-2E9C-101B-9397-08002B2CF9AE}" pid="5" name="TemplafyTenantId">
    <vt:lpwstr>zuehlke</vt:lpwstr>
  </property>
  <property fmtid="{D5CDD505-2E9C-101B-9397-08002B2CF9AE}" pid="6" name="TemplafyTemplateId">
    <vt:lpwstr>637940848036935752</vt:lpwstr>
  </property>
  <property fmtid="{D5CDD505-2E9C-101B-9397-08002B2CF9AE}" pid="7" name="TemplafyUserProfileId">
    <vt:lpwstr>637885668097697976</vt:lpwstr>
  </property>
  <property fmtid="{D5CDD505-2E9C-101B-9397-08002B2CF9AE}" pid="8" name="TemplafyFromBlank">
    <vt:bool>true</vt:bool>
  </property>
</Properties>
</file>